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54" d="100"/>
          <a:sy n="54" d="100"/>
        </p:scale>
        <p:origin x="58" y="595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8/19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206" Type="http://schemas.openxmlformats.org/officeDocument/2006/relationships/tags" Target="../tags/tag206.xml"/><Relationship Id="rId201" Type="http://schemas.openxmlformats.org/officeDocument/2006/relationships/tags" Target="../tags/tag201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12" Type="http://schemas.openxmlformats.org/officeDocument/2006/relationships/tags" Target="../tags/tag212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slideLayout" Target="../slideLayouts/slideLayout7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26" name="OTLSHAPE_M_0f4d7ff4fb7f4f828bacf7cd2f57a633_Connector1">
            <a:extLst>
              <a:ext uri="{FF2B5EF4-FFF2-40B4-BE49-F238E27FC236}">
                <a16:creationId xmlns:a16="http://schemas.microsoft.com/office/drawing/2014/main" id="{C18BFB48-3FCF-42D2-A966-04E54CDA7AD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1248830" y="5453958"/>
            <a:ext cx="0" cy="921978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5" name="OTLSHAPE_M_ebb4c12416484987b5c14af113683d34_Connector3">
            <a:extLst>
              <a:ext uri="{FF2B5EF4-FFF2-40B4-BE49-F238E27FC236}">
                <a16:creationId xmlns:a16="http://schemas.microsoft.com/office/drawing/2014/main" id="{D7A4751A-1B87-4A81-9C9D-200481BEFA4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768303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4" name="OTLSHAPE_M_ebb4c12416484987b5c14af113683d34_Connector2">
            <a:extLst>
              <a:ext uri="{FF2B5EF4-FFF2-40B4-BE49-F238E27FC236}">
                <a16:creationId xmlns:a16="http://schemas.microsoft.com/office/drawing/2014/main" id="{A38866EE-B7CC-43F7-AD26-B1D89D2E087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768303" y="5369249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3" name="OTLSHAPE_M_ebb4c12416484987b5c14af113683d34_Connector1">
            <a:extLst>
              <a:ext uri="{FF2B5EF4-FFF2-40B4-BE49-F238E27FC236}">
                <a16:creationId xmlns:a16="http://schemas.microsoft.com/office/drawing/2014/main" id="{70F0CCA6-20D6-40A9-AF58-11EEF7C8F7B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768303" y="4404600"/>
            <a:ext cx="0" cy="79413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2" name="OTLSHAPE_M_a93b138de7b84c6b9bd51eb86fd8ea1b_Connector6">
            <a:extLst>
              <a:ext uri="{FF2B5EF4-FFF2-40B4-BE49-F238E27FC236}">
                <a16:creationId xmlns:a16="http://schemas.microsoft.com/office/drawing/2014/main" id="{34DD7FE9-08FB-4A93-9074-BB0386CAC39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298456" y="6160036"/>
            <a:ext cx="0" cy="2159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1" name="OTLSHAPE_M_a93b138de7b84c6b9bd51eb86fd8ea1b_Connector5">
            <a:extLst>
              <a:ext uri="{FF2B5EF4-FFF2-40B4-BE49-F238E27FC236}">
                <a16:creationId xmlns:a16="http://schemas.microsoft.com/office/drawing/2014/main" id="{45ACF916-9DD4-44C4-8033-256D19C1760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298456" y="5992311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0" name="OTLSHAPE_M_a93b138de7b84c6b9bd51eb86fd8ea1b_Connector4">
            <a:extLst>
              <a:ext uri="{FF2B5EF4-FFF2-40B4-BE49-F238E27FC236}">
                <a16:creationId xmlns:a16="http://schemas.microsoft.com/office/drawing/2014/main" id="{A8B403D2-B04A-4F70-ABBE-DEEC468CFAB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298456" y="5536974"/>
            <a:ext cx="0" cy="1143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9" name="OTLSHAPE_M_a93b138de7b84c6b9bd51eb86fd8ea1b_Connector3">
            <a:extLst>
              <a:ext uri="{FF2B5EF4-FFF2-40B4-BE49-F238E27FC236}">
                <a16:creationId xmlns:a16="http://schemas.microsoft.com/office/drawing/2014/main" id="{80318EAE-C87B-4AE3-AB23-10ED1303980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298456" y="5369249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8" name="OTLSHAPE_M_a93b138de7b84c6b9bd51eb86fd8ea1b_Connector2">
            <a:extLst>
              <a:ext uri="{FF2B5EF4-FFF2-40B4-BE49-F238E27FC236}">
                <a16:creationId xmlns:a16="http://schemas.microsoft.com/office/drawing/2014/main" id="{61AC184E-1A76-4F1D-8721-7B06A748242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298456" y="4916706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7" name="OTLSHAPE_M_a93b138de7b84c6b9bd51eb86fd8ea1b_Connector1">
            <a:extLst>
              <a:ext uri="{FF2B5EF4-FFF2-40B4-BE49-F238E27FC236}">
                <a16:creationId xmlns:a16="http://schemas.microsoft.com/office/drawing/2014/main" id="{6FAE6D23-026D-4ED9-947F-C9DA0B3A858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298456" y="3781538"/>
            <a:ext cx="0" cy="79413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6" name="OTLSHAPE_M_03124467e3f9494e986e3d78a3025104_Connector1">
            <a:extLst>
              <a:ext uri="{FF2B5EF4-FFF2-40B4-BE49-F238E27FC236}">
                <a16:creationId xmlns:a16="http://schemas.microsoft.com/office/drawing/2014/main" id="{68968548-FAF1-4367-9E2F-A57D30C40F2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89663" y="5880255"/>
            <a:ext cx="0" cy="49568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5" name="OTLSHAPE_M_8996f9bc3fb5426490d068dc505489bc_Connector1">
            <a:extLst>
              <a:ext uri="{FF2B5EF4-FFF2-40B4-BE49-F238E27FC236}">
                <a16:creationId xmlns:a16="http://schemas.microsoft.com/office/drawing/2014/main" id="{655F02A3-D203-4D0F-8266-03E19EF9E11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676598" y="5342452"/>
            <a:ext cx="0" cy="1033484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4" name="OTLSHAPE_M_0b1aa2f0f110419db13ea59ee8ad3342_Connector3">
            <a:extLst>
              <a:ext uri="{FF2B5EF4-FFF2-40B4-BE49-F238E27FC236}">
                <a16:creationId xmlns:a16="http://schemas.microsoft.com/office/drawing/2014/main" id="{DF2C9F83-F8B7-4D17-8748-7B38482D8C2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422201" y="4916706"/>
            <a:ext cx="0" cy="14592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3" name="OTLSHAPE_M_0b1aa2f0f110419db13ea59ee8ad3342_Connector2">
            <a:extLst>
              <a:ext uri="{FF2B5EF4-FFF2-40B4-BE49-F238E27FC236}">
                <a16:creationId xmlns:a16="http://schemas.microsoft.com/office/drawing/2014/main" id="{D9A367BE-11D8-47CA-B6A6-018067DA7E3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422201" y="429364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2" name="OTLSHAPE_M_0b1aa2f0f110419db13ea59ee8ad3342_Connector1">
            <a:extLst>
              <a:ext uri="{FF2B5EF4-FFF2-40B4-BE49-F238E27FC236}">
                <a16:creationId xmlns:a16="http://schemas.microsoft.com/office/drawing/2014/main" id="{B7D614B0-CF29-428C-B687-3370174820D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22201" y="3073216"/>
            <a:ext cx="0" cy="1049909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1" name="OTLSHAPE_M_52dc34c1418c43229295c80aff49dd31_Connector3">
            <a:extLst>
              <a:ext uri="{FF2B5EF4-FFF2-40B4-BE49-F238E27FC236}">
                <a16:creationId xmlns:a16="http://schemas.microsoft.com/office/drawing/2014/main" id="{7F9B4153-D9D8-4966-A65D-2F76D7749CD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545946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0" name="OTLSHAPE_M_52dc34c1418c43229295c80aff49dd31_Connector2">
            <a:extLst>
              <a:ext uri="{FF2B5EF4-FFF2-40B4-BE49-F238E27FC236}">
                <a16:creationId xmlns:a16="http://schemas.microsoft.com/office/drawing/2014/main" id="{A9BCD3A8-058C-47AC-A029-20530CC0015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545946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9" name="OTLSHAPE_M_52dc34c1418c43229295c80aff49dd31_Connector1">
            <a:extLst>
              <a:ext uri="{FF2B5EF4-FFF2-40B4-BE49-F238E27FC236}">
                <a16:creationId xmlns:a16="http://schemas.microsoft.com/office/drawing/2014/main" id="{601D91DB-2B1F-45AA-A537-597ADC83CCA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545946" y="4804650"/>
            <a:ext cx="0" cy="39408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8" name="OTLSHAPE_M_26722740f92a457ab4e5dbff54be508e_Connector6">
            <a:extLst>
              <a:ext uri="{FF2B5EF4-FFF2-40B4-BE49-F238E27FC236}">
                <a16:creationId xmlns:a16="http://schemas.microsoft.com/office/drawing/2014/main" id="{7E065930-6984-4222-ABCC-983229F5343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319817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7" name="OTLSHAPE_M_26722740f92a457ab4e5dbff54be508e_Connector5">
            <a:extLst>
              <a:ext uri="{FF2B5EF4-FFF2-40B4-BE49-F238E27FC236}">
                <a16:creationId xmlns:a16="http://schemas.microsoft.com/office/drawing/2014/main" id="{C4B49046-9590-4ADF-9451-11480A963C9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319817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6" name="OTLSHAPE_M_26722740f92a457ab4e5dbff54be508e_Connector4">
            <a:extLst>
              <a:ext uri="{FF2B5EF4-FFF2-40B4-BE49-F238E27FC236}">
                <a16:creationId xmlns:a16="http://schemas.microsoft.com/office/drawing/2014/main" id="{C34939BD-D714-4AF1-A6E0-4CB9AE6FA63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319817" y="4461369"/>
            <a:ext cx="0" cy="737362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5" name="OTLSHAPE_M_26722740f92a457ab4e5dbff54be508e_Connector3">
            <a:extLst>
              <a:ext uri="{FF2B5EF4-FFF2-40B4-BE49-F238E27FC236}">
                <a16:creationId xmlns:a16="http://schemas.microsoft.com/office/drawing/2014/main" id="{331CA971-98A2-49E4-8A48-A333AA8CB60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319817" y="4293644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4" name="OTLSHAPE_M_26722740f92a457ab4e5dbff54be508e_Connector2">
            <a:extLst>
              <a:ext uri="{FF2B5EF4-FFF2-40B4-BE49-F238E27FC236}">
                <a16:creationId xmlns:a16="http://schemas.microsoft.com/office/drawing/2014/main" id="{1CC96A5F-1D13-4C5C-899E-D74A04DDAF4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319817" y="3841101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3" name="OTLSHAPE_M_26722740f92a457ab4e5dbff54be508e_Connector1">
            <a:extLst>
              <a:ext uri="{FF2B5EF4-FFF2-40B4-BE49-F238E27FC236}">
                <a16:creationId xmlns:a16="http://schemas.microsoft.com/office/drawing/2014/main" id="{7AC008D8-D6C6-4BAF-AFCF-79C7EB9C6AE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319817" y="2364895"/>
            <a:ext cx="0" cy="96465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2" name="OTLSHAPE_M_238f7e1cf319471aa1839c7a7303246f_Connector5">
            <a:extLst>
              <a:ext uri="{FF2B5EF4-FFF2-40B4-BE49-F238E27FC236}">
                <a16:creationId xmlns:a16="http://schemas.microsoft.com/office/drawing/2014/main" id="{95DD4A82-E5C3-489E-8BA3-CC7959C48A3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178485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1" name="OTLSHAPE_M_238f7e1cf319471aa1839c7a7303246f_Connector4">
            <a:extLst>
              <a:ext uri="{FF2B5EF4-FFF2-40B4-BE49-F238E27FC236}">
                <a16:creationId xmlns:a16="http://schemas.microsoft.com/office/drawing/2014/main" id="{726C6C15-28A6-46C7-BF88-793C2DFCD75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178485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0" name="OTLSHAPE_M_238f7e1cf319471aa1839c7a7303246f_Connector3">
            <a:extLst>
              <a:ext uri="{FF2B5EF4-FFF2-40B4-BE49-F238E27FC236}">
                <a16:creationId xmlns:a16="http://schemas.microsoft.com/office/drawing/2014/main" id="{03C3E42B-3972-405E-B830-EEEF15670AF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178485" y="3841101"/>
            <a:ext cx="0" cy="13576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9" name="OTLSHAPE_M_238f7e1cf319471aa1839c7a7303246f_Connector2">
            <a:extLst>
              <a:ext uri="{FF2B5EF4-FFF2-40B4-BE49-F238E27FC236}">
                <a16:creationId xmlns:a16="http://schemas.microsoft.com/office/drawing/2014/main" id="{5E07CB14-EAFF-4B1A-A7F0-9B826CD7D85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178485" y="3047520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8" name="OTLSHAPE_M_238f7e1cf319471aa1839c7a7303246f_Connector1">
            <a:extLst>
              <a:ext uri="{FF2B5EF4-FFF2-40B4-BE49-F238E27FC236}">
                <a16:creationId xmlns:a16="http://schemas.microsoft.com/office/drawing/2014/main" id="{657AE574-B761-4D71-9FA3-67CEF1A86F6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178485" y="1571314"/>
            <a:ext cx="0" cy="96465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7" name="OTLSHAPE_M_269631104c1047f99a550a5346980f87_Connector3">
            <a:extLst>
              <a:ext uri="{FF2B5EF4-FFF2-40B4-BE49-F238E27FC236}">
                <a16:creationId xmlns:a16="http://schemas.microsoft.com/office/drawing/2014/main" id="{C28F5498-F68B-4AF3-981E-0E7D01A5883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065420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6" name="OTLSHAPE_M_269631104c1047f99a550a5346980f87_Connector2">
            <a:extLst>
              <a:ext uri="{FF2B5EF4-FFF2-40B4-BE49-F238E27FC236}">
                <a16:creationId xmlns:a16="http://schemas.microsoft.com/office/drawing/2014/main" id="{C42C7396-2C46-4CB9-AACE-6C6AAF304D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065420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5" name="OTLSHAPE_M_269631104c1047f99a550a5346980f87_Connector1">
            <a:extLst>
              <a:ext uri="{FF2B5EF4-FFF2-40B4-BE49-F238E27FC236}">
                <a16:creationId xmlns:a16="http://schemas.microsoft.com/office/drawing/2014/main" id="{87F2657E-C782-4937-9A56-D859647AA21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065420" y="4266847"/>
            <a:ext cx="0" cy="931884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4" name="OTLSHAPE_M_9bb1a9f2410245bda431a8f8293c64ac_Connector5">
            <a:extLst>
              <a:ext uri="{FF2B5EF4-FFF2-40B4-BE49-F238E27FC236}">
                <a16:creationId xmlns:a16="http://schemas.microsoft.com/office/drawing/2014/main" id="{D4B585D4-D574-4B6B-9FB7-A43A8291B62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839290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" name="OTLSHAPE_M_9bb1a9f2410245bda431a8f8293c64ac_Connector4">
            <a:extLst>
              <a:ext uri="{FF2B5EF4-FFF2-40B4-BE49-F238E27FC236}">
                <a16:creationId xmlns:a16="http://schemas.microsoft.com/office/drawing/2014/main" id="{64276367-A167-49C6-A4FA-594DF4CA515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839290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" name="OTLSHAPE_M_9bb1a9f2410245bda431a8f8293c64ac_Connector3">
            <a:extLst>
              <a:ext uri="{FF2B5EF4-FFF2-40B4-BE49-F238E27FC236}">
                <a16:creationId xmlns:a16="http://schemas.microsoft.com/office/drawing/2014/main" id="{198DE30C-9B18-476E-9214-ED371548267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839290" y="3841101"/>
            <a:ext cx="0" cy="13576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1" name="OTLSHAPE_M_9bb1a9f2410245bda431a8f8293c64ac_Connector2">
            <a:extLst>
              <a:ext uri="{FF2B5EF4-FFF2-40B4-BE49-F238E27FC236}">
                <a16:creationId xmlns:a16="http://schemas.microsoft.com/office/drawing/2014/main" id="{60826836-689C-4E90-8F5D-DEAA4740802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839290" y="3047520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0" name="OTLSHAPE_M_9bb1a9f2410245bda431a8f8293c64ac_Connector1">
            <a:extLst>
              <a:ext uri="{FF2B5EF4-FFF2-40B4-BE49-F238E27FC236}">
                <a16:creationId xmlns:a16="http://schemas.microsoft.com/office/drawing/2014/main" id="{1EEF3EB0-3F16-408D-AC24-5F62FC668670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839290" y="862993"/>
            <a:ext cx="0" cy="167297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9" name="OTLSHAPE_M_8f6815fbaf984147a9b00592d90043e4_Connector7">
            <a:extLst>
              <a:ext uri="{FF2B5EF4-FFF2-40B4-BE49-F238E27FC236}">
                <a16:creationId xmlns:a16="http://schemas.microsoft.com/office/drawing/2014/main" id="{9E375D53-F231-4F1B-B75E-C6AB369677AC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584893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8" name="OTLSHAPE_M_8f6815fbaf984147a9b00592d90043e4_Connector6">
            <a:extLst>
              <a:ext uri="{FF2B5EF4-FFF2-40B4-BE49-F238E27FC236}">
                <a16:creationId xmlns:a16="http://schemas.microsoft.com/office/drawing/2014/main" id="{BD8060E1-8305-40F1-B225-3E76E652D50C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584893" y="5539768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7" name="OTLSHAPE_M_8f6815fbaf984147a9b00592d90043e4_Connector5">
            <a:extLst>
              <a:ext uri="{FF2B5EF4-FFF2-40B4-BE49-F238E27FC236}">
                <a16:creationId xmlns:a16="http://schemas.microsoft.com/office/drawing/2014/main" id="{25FD4F15-E67D-4419-9BF9-8D0B8A78E3A4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584893" y="4916706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6" name="OTLSHAPE_M_8f6815fbaf984147a9b00592d90043e4_Connector4">
            <a:extLst>
              <a:ext uri="{FF2B5EF4-FFF2-40B4-BE49-F238E27FC236}">
                <a16:creationId xmlns:a16="http://schemas.microsoft.com/office/drawing/2014/main" id="{AD8C75E8-D8C9-4204-84DC-BA4C85755C0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584893" y="3841101"/>
            <a:ext cx="0" cy="734568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5" name="OTLSHAPE_M_8f6815fbaf984147a9b00592d90043e4_Connector3">
            <a:extLst>
              <a:ext uri="{FF2B5EF4-FFF2-40B4-BE49-F238E27FC236}">
                <a16:creationId xmlns:a16="http://schemas.microsoft.com/office/drawing/2014/main" id="{248CB396-052F-46C7-A913-9331E5BED9A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584893" y="3047520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4" name="OTLSHAPE_M_8f6815fbaf984147a9b00592d90043e4_Connector2">
            <a:extLst>
              <a:ext uri="{FF2B5EF4-FFF2-40B4-BE49-F238E27FC236}">
                <a16:creationId xmlns:a16="http://schemas.microsoft.com/office/drawing/2014/main" id="{8623FBA7-A686-41DA-9E43-5ECDC9A1DE67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584893" y="2253939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" name="OTLSHAPE_M_8f6815fbaf984147a9b00592d90043e4_Connector1">
            <a:extLst>
              <a:ext uri="{FF2B5EF4-FFF2-40B4-BE49-F238E27FC236}">
                <a16:creationId xmlns:a16="http://schemas.microsoft.com/office/drawing/2014/main" id="{0520E4EB-6089-4B4F-9C56-D3FD9C8EF292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6584893" y="325190"/>
            <a:ext cx="0" cy="17582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" name="OTLSHAPE_M_a2ad0b6bb6f04ea8a0902f75c7aea4a9_Connector1">
            <a:extLst>
              <a:ext uri="{FF2B5EF4-FFF2-40B4-BE49-F238E27FC236}">
                <a16:creationId xmlns:a16="http://schemas.microsoft.com/office/drawing/2014/main" id="{45FC5DB5-39B9-4BCA-A1B5-F91FB76275E0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849970" y="5965514"/>
            <a:ext cx="0" cy="410422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1" name="OTLSHAPE_M_1c9a6ad1c22b4d348700f34eda6e1c3c_Connector4">
            <a:extLst>
              <a:ext uri="{FF2B5EF4-FFF2-40B4-BE49-F238E27FC236}">
                <a16:creationId xmlns:a16="http://schemas.microsoft.com/office/drawing/2014/main" id="{1F0AB0F7-78B5-4E0D-AF90-88149A158680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5482508" y="5707493"/>
            <a:ext cx="0" cy="668443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0" name="OTLSHAPE_M_1c9a6ad1c22b4d348700f34eda6e1c3c_Connector3">
            <a:extLst>
              <a:ext uri="{FF2B5EF4-FFF2-40B4-BE49-F238E27FC236}">
                <a16:creationId xmlns:a16="http://schemas.microsoft.com/office/drawing/2014/main" id="{BF97C3CA-EB2B-4F65-972A-72E6685D1D63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482508" y="5539768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9" name="OTLSHAPE_M_1c9a6ad1c22b4d348700f34eda6e1c3c_Connector2">
            <a:extLst>
              <a:ext uri="{FF2B5EF4-FFF2-40B4-BE49-F238E27FC236}">
                <a16:creationId xmlns:a16="http://schemas.microsoft.com/office/drawing/2014/main" id="{BFDBA92B-40FE-4F65-8C6D-C1A6DE6E94F9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5482508" y="4916706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8" name="OTLSHAPE_M_1c9a6ad1c22b4d348700f34eda6e1c3c_Connector1">
            <a:extLst>
              <a:ext uri="{FF2B5EF4-FFF2-40B4-BE49-F238E27FC236}">
                <a16:creationId xmlns:a16="http://schemas.microsoft.com/office/drawing/2014/main" id="{67C253C9-EE84-434E-94E2-337DE5832670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5482508" y="3643785"/>
            <a:ext cx="0" cy="931884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7" name="OTLSHAPE_M_c73206b9861f4b689bbe180a6f58ca44_Connector1">
            <a:extLst>
              <a:ext uri="{FF2B5EF4-FFF2-40B4-BE49-F238E27FC236}">
                <a16:creationId xmlns:a16="http://schemas.microsoft.com/office/drawing/2014/main" id="{13D8A058-6574-415C-9AAD-97C45D1868FE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228112" y="5427712"/>
            <a:ext cx="0" cy="948224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6" name="OTLSHAPE_M_cf3bcc1be8fb45018ca4993d1beaa228_Connector8">
            <a:extLst>
              <a:ext uri="{FF2B5EF4-FFF2-40B4-BE49-F238E27FC236}">
                <a16:creationId xmlns:a16="http://schemas.microsoft.com/office/drawing/2014/main" id="{74C1104F-2D16-4FF1-B8E4-AC2F30883A0E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4973715" y="5084431"/>
            <a:ext cx="0" cy="129150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5" name="OTLSHAPE_M_cf3bcc1be8fb45018ca4993d1beaa228_Connector7">
            <a:extLst>
              <a:ext uri="{FF2B5EF4-FFF2-40B4-BE49-F238E27FC236}">
                <a16:creationId xmlns:a16="http://schemas.microsoft.com/office/drawing/2014/main" id="{56D9718B-BCB3-4DA9-A071-868650B4E489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973715" y="4916706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4" name="OTLSHAPE_M_cf3bcc1be8fb45018ca4993d1beaa228_Connector6">
            <a:extLst>
              <a:ext uri="{FF2B5EF4-FFF2-40B4-BE49-F238E27FC236}">
                <a16:creationId xmlns:a16="http://schemas.microsoft.com/office/drawing/2014/main" id="{1FF7D9AC-22F8-4507-9D8C-BC64BC8F2EA7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973715" y="429364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3" name="OTLSHAPE_M_cf3bcc1be8fb45018ca4993d1beaa228_Connector5">
            <a:extLst>
              <a:ext uri="{FF2B5EF4-FFF2-40B4-BE49-F238E27FC236}">
                <a16:creationId xmlns:a16="http://schemas.microsoft.com/office/drawing/2014/main" id="{577567CD-986C-4650-BCDB-373B5A854DFA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4973715" y="2253940"/>
            <a:ext cx="0" cy="1698667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" name="OTLSHAPE_M_cf3bcc1be8fb45018ca4993d1beaa228_Connector4">
            <a:extLst>
              <a:ext uri="{FF2B5EF4-FFF2-40B4-BE49-F238E27FC236}">
                <a16:creationId xmlns:a16="http://schemas.microsoft.com/office/drawing/2014/main" id="{28E41FC3-9139-4F40-9CFB-EA3E4271852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973715" y="1801396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" name="OTLSHAPE_M_cf3bcc1be8fb45018ca4993d1beaa228_Connector3">
            <a:extLst>
              <a:ext uri="{FF2B5EF4-FFF2-40B4-BE49-F238E27FC236}">
                <a16:creationId xmlns:a16="http://schemas.microsoft.com/office/drawing/2014/main" id="{57746E5F-AE22-4814-BBDF-886DF2E89E1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4973715" y="117833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" name="OTLSHAPE_M_cf3bcc1be8fb45018ca4993d1beaa228_Connector2">
            <a:extLst>
              <a:ext uri="{FF2B5EF4-FFF2-40B4-BE49-F238E27FC236}">
                <a16:creationId xmlns:a16="http://schemas.microsoft.com/office/drawing/2014/main" id="{2D444EF0-E412-41CE-9E3A-8E6D8AAE14AF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4973715" y="55527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9" name="OTLSHAPE_M_cf3bcc1be8fb45018ca4993d1beaa228_Connector1">
            <a:extLst>
              <a:ext uri="{FF2B5EF4-FFF2-40B4-BE49-F238E27FC236}">
                <a16:creationId xmlns:a16="http://schemas.microsoft.com/office/drawing/2014/main" id="{51DA1DE0-9BDA-4EB6-BC42-4958F665226D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4973715" y="-297872"/>
            <a:ext cx="0" cy="512106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8" name="OTLSHAPE_M_6b7b648a52094f13bae738fb288f0eeb_Connector6">
            <a:extLst>
              <a:ext uri="{FF2B5EF4-FFF2-40B4-BE49-F238E27FC236}">
                <a16:creationId xmlns:a16="http://schemas.microsoft.com/office/drawing/2014/main" id="{0E38BEC5-ABE0-43BD-A9F1-375C11F30FF0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4860650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7" name="OTLSHAPE_M_6b7b648a52094f13bae738fb288f0eeb_Connector5">
            <a:extLst>
              <a:ext uri="{FF2B5EF4-FFF2-40B4-BE49-F238E27FC236}">
                <a16:creationId xmlns:a16="http://schemas.microsoft.com/office/drawing/2014/main" id="{CEC7D5B8-5589-46BC-B01A-68493C160AB8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4860650" y="5084431"/>
            <a:ext cx="0" cy="566843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6" name="OTLSHAPE_M_6b7b648a52094f13bae738fb288f0eeb_Connector4">
            <a:extLst>
              <a:ext uri="{FF2B5EF4-FFF2-40B4-BE49-F238E27FC236}">
                <a16:creationId xmlns:a16="http://schemas.microsoft.com/office/drawing/2014/main" id="{4A43D88A-9FAC-439C-84D1-3F7886681B52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4860650" y="4916706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5" name="OTLSHAPE_M_6b7b648a52094f13bae738fb288f0eeb_Connector3">
            <a:extLst>
              <a:ext uri="{FF2B5EF4-FFF2-40B4-BE49-F238E27FC236}">
                <a16:creationId xmlns:a16="http://schemas.microsoft.com/office/drawing/2014/main" id="{EDF3AB16-5962-4963-96AB-5420F392D76B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4860650" y="429364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4" name="OTLSHAPE_M_6b7b648a52094f13bae738fb288f0eeb_Connector2">
            <a:extLst>
              <a:ext uri="{FF2B5EF4-FFF2-40B4-BE49-F238E27FC236}">
                <a16:creationId xmlns:a16="http://schemas.microsoft.com/office/drawing/2014/main" id="{21DA5F0D-3684-45B3-9E38-F2E702D5F4C1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4860650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3" name="OTLSHAPE_M_6b7b648a52094f13bae738fb288f0eeb_Connector1">
            <a:extLst>
              <a:ext uri="{FF2B5EF4-FFF2-40B4-BE49-F238E27FC236}">
                <a16:creationId xmlns:a16="http://schemas.microsoft.com/office/drawing/2014/main" id="{8CC9BCFD-DED3-40AF-86DB-CEE7900473FA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860650" y="2850204"/>
            <a:ext cx="0" cy="47934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2" name="OTLSHAPE_M_fd112f4d43d9463182f16739e8380960_Connector11">
            <a:extLst>
              <a:ext uri="{FF2B5EF4-FFF2-40B4-BE49-F238E27FC236}">
                <a16:creationId xmlns:a16="http://schemas.microsoft.com/office/drawing/2014/main" id="{142BFB46-273C-4DB4-8CC9-33B935CA7A68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4747585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1" name="OTLSHAPE_M_fd112f4d43d9463182f16739e8380960_Connector10">
            <a:extLst>
              <a:ext uri="{FF2B5EF4-FFF2-40B4-BE49-F238E27FC236}">
                <a16:creationId xmlns:a16="http://schemas.microsoft.com/office/drawing/2014/main" id="{BC3C12B3-98A1-4E31-A1B6-D333D9E33019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4747585" y="5084431"/>
            <a:ext cx="0" cy="566843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0" name="OTLSHAPE_M_fd112f4d43d9463182f16739e8380960_Connector9">
            <a:extLst>
              <a:ext uri="{FF2B5EF4-FFF2-40B4-BE49-F238E27FC236}">
                <a16:creationId xmlns:a16="http://schemas.microsoft.com/office/drawing/2014/main" id="{B05D723E-BF24-4C75-AD00-FD35B819D5D4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4747585" y="4916706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9" name="OTLSHAPE_M_fd112f4d43d9463182f16739e8380960_Connector8">
            <a:extLst>
              <a:ext uri="{FF2B5EF4-FFF2-40B4-BE49-F238E27FC236}">
                <a16:creationId xmlns:a16="http://schemas.microsoft.com/office/drawing/2014/main" id="{CDDD02E7-4402-4191-819C-9E69CFC44833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4747585" y="429364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8" name="OTLSHAPE_M_fd112f4d43d9463182f16739e8380960_Connector7">
            <a:extLst>
              <a:ext uri="{FF2B5EF4-FFF2-40B4-BE49-F238E27FC236}">
                <a16:creationId xmlns:a16="http://schemas.microsoft.com/office/drawing/2014/main" id="{4F2FA22C-A162-4F64-BA1D-A81C037E6E92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4747585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7" name="OTLSHAPE_M_fd112f4d43d9463182f16739e8380960_Connector6">
            <a:extLst>
              <a:ext uri="{FF2B5EF4-FFF2-40B4-BE49-F238E27FC236}">
                <a16:creationId xmlns:a16="http://schemas.microsoft.com/office/drawing/2014/main" id="{0F7AC875-6436-40C2-B1D1-773BF99DB408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4747585" y="2421664"/>
            <a:ext cx="0" cy="90788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6" name="OTLSHAPE_M_fd112f4d43d9463182f16739e8380960_Connector5">
            <a:extLst>
              <a:ext uri="{FF2B5EF4-FFF2-40B4-BE49-F238E27FC236}">
                <a16:creationId xmlns:a16="http://schemas.microsoft.com/office/drawing/2014/main" id="{B4FE9016-E57B-4BC9-86D7-F6829C5B67A3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4747585" y="2253939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5" name="OTLSHAPE_M_fd112f4d43d9463182f16739e8380960_Connector4">
            <a:extLst>
              <a:ext uri="{FF2B5EF4-FFF2-40B4-BE49-F238E27FC236}">
                <a16:creationId xmlns:a16="http://schemas.microsoft.com/office/drawing/2014/main" id="{6B732D0E-50C3-4E83-9052-712BE8D3A45D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747585" y="1801396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4" name="OTLSHAPE_M_fd112f4d43d9463182f16739e8380960_Connector3">
            <a:extLst>
              <a:ext uri="{FF2B5EF4-FFF2-40B4-BE49-F238E27FC236}">
                <a16:creationId xmlns:a16="http://schemas.microsoft.com/office/drawing/2014/main" id="{F0A9719C-430B-4A1D-B125-2A38F137B83A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747585" y="1178334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3" name="OTLSHAPE_M_fd112f4d43d9463182f16739e8380960_Connector2">
            <a:extLst>
              <a:ext uri="{FF2B5EF4-FFF2-40B4-BE49-F238E27FC236}">
                <a16:creationId xmlns:a16="http://schemas.microsoft.com/office/drawing/2014/main" id="{E12C6A2C-5272-45F5-9E6F-68F005DAADF7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4747585" y="55527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2" name="OTLSHAPE_M_fd112f4d43d9463182f16739e8380960_Connector1">
            <a:extLst>
              <a:ext uri="{FF2B5EF4-FFF2-40B4-BE49-F238E27FC236}">
                <a16:creationId xmlns:a16="http://schemas.microsoft.com/office/drawing/2014/main" id="{990DE5D7-1B29-4D83-92DB-B748BC4A5E95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4747585" y="-1091452"/>
            <a:ext cx="0" cy="1305687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1" name="OTLSHAPE_M_3db5570d5883414abf9c110501d9034e_Connector2">
            <a:extLst>
              <a:ext uri="{FF2B5EF4-FFF2-40B4-BE49-F238E27FC236}">
                <a16:creationId xmlns:a16="http://schemas.microsoft.com/office/drawing/2014/main" id="{9CFB5C3B-A5FE-41D0-99EA-14768943023C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4351857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0" name="OTLSHAPE_M_3db5570d5883414abf9c110501d9034e_Connector1">
            <a:extLst>
              <a:ext uri="{FF2B5EF4-FFF2-40B4-BE49-F238E27FC236}">
                <a16:creationId xmlns:a16="http://schemas.microsoft.com/office/drawing/2014/main" id="{EE9C8992-421E-429A-B7FD-D53A7D9C12B5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4351857" y="4804650"/>
            <a:ext cx="0" cy="846624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9" name="OTLSHAPE_M_b1df36dc3cd746c4b6df2633585c0152_Connector4">
            <a:extLst>
              <a:ext uri="{FF2B5EF4-FFF2-40B4-BE49-F238E27FC236}">
                <a16:creationId xmlns:a16="http://schemas.microsoft.com/office/drawing/2014/main" id="{753555C1-B43D-4B29-9DD6-AA11216BF531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238792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8" name="OTLSHAPE_M_b1df36dc3cd746c4b6df2633585c0152_Connector3">
            <a:extLst>
              <a:ext uri="{FF2B5EF4-FFF2-40B4-BE49-F238E27FC236}">
                <a16:creationId xmlns:a16="http://schemas.microsoft.com/office/drawing/2014/main" id="{AD01DDF8-8D7C-4E1F-AB41-A92501BFD979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4238792" y="4293644"/>
            <a:ext cx="0" cy="13576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7" name="OTLSHAPE_M_b1df36dc3cd746c4b6df2633585c0152_Connector2">
            <a:extLst>
              <a:ext uri="{FF2B5EF4-FFF2-40B4-BE49-F238E27FC236}">
                <a16:creationId xmlns:a16="http://schemas.microsoft.com/office/drawing/2014/main" id="{0C856294-E395-429A-A05F-98EF2829E843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4238792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6" name="OTLSHAPE_M_b1df36dc3cd746c4b6df2633585c0152_Connector1">
            <a:extLst>
              <a:ext uri="{FF2B5EF4-FFF2-40B4-BE49-F238E27FC236}">
                <a16:creationId xmlns:a16="http://schemas.microsoft.com/office/drawing/2014/main" id="{AF5B7DF9-A846-485C-9386-CFE4577E192C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4238792" y="2227142"/>
            <a:ext cx="0" cy="1102402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5" name="OTLSHAPE_M_648cef3c927346c1b767c967b07091d9_Connector4">
            <a:extLst>
              <a:ext uri="{FF2B5EF4-FFF2-40B4-BE49-F238E27FC236}">
                <a16:creationId xmlns:a16="http://schemas.microsoft.com/office/drawing/2014/main" id="{B9FE1CC8-526D-4B7A-9E57-09FE87BF3688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3948053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4" name="OTLSHAPE_M_648cef3c927346c1b767c967b07091d9_Connector3">
            <a:extLst>
              <a:ext uri="{FF2B5EF4-FFF2-40B4-BE49-F238E27FC236}">
                <a16:creationId xmlns:a16="http://schemas.microsoft.com/office/drawing/2014/main" id="{3CB83D29-BBF9-4F4C-A1BB-091C21D9040F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3948053" y="4293644"/>
            <a:ext cx="0" cy="13576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3" name="OTLSHAPE_M_648cef3c927346c1b767c967b07091d9_Connector2">
            <a:extLst>
              <a:ext uri="{FF2B5EF4-FFF2-40B4-BE49-F238E27FC236}">
                <a16:creationId xmlns:a16="http://schemas.microsoft.com/office/drawing/2014/main" id="{3C3926ED-612F-4EB0-A8B1-1B39BF70FB79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3948053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2" name="OTLSHAPE_M_648cef3c927346c1b767c967b07091d9_Connector1">
            <a:extLst>
              <a:ext uri="{FF2B5EF4-FFF2-40B4-BE49-F238E27FC236}">
                <a16:creationId xmlns:a16="http://schemas.microsoft.com/office/drawing/2014/main" id="{1CE4A3D4-64D1-48E8-B56A-325F7C73998C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948053" y="1689340"/>
            <a:ext cx="0" cy="164020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1" name="OTLSHAPE_M_8e2cc990fac74b7baee36c2e53718675_Connector4">
            <a:extLst>
              <a:ext uri="{FF2B5EF4-FFF2-40B4-BE49-F238E27FC236}">
                <a16:creationId xmlns:a16="http://schemas.microsoft.com/office/drawing/2014/main" id="{CE81341B-12DC-4C64-8850-588668BAEABB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3645200" y="5992311"/>
            <a:ext cx="0" cy="3836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0" name="OTLSHAPE_M_8e2cc990fac74b7baee36c2e53718675_Connector3">
            <a:extLst>
              <a:ext uri="{FF2B5EF4-FFF2-40B4-BE49-F238E27FC236}">
                <a16:creationId xmlns:a16="http://schemas.microsoft.com/office/drawing/2014/main" id="{B226C492-C9C7-466B-91D4-BB5CEA57E37A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3645200" y="4293644"/>
            <a:ext cx="0" cy="135763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9" name="OTLSHAPE_M_8e2cc990fac74b7baee36c2e53718675_Connector2">
            <a:extLst>
              <a:ext uri="{FF2B5EF4-FFF2-40B4-BE49-F238E27FC236}">
                <a16:creationId xmlns:a16="http://schemas.microsoft.com/office/drawing/2014/main" id="{CC05B985-DCE1-403B-B6A0-8DCF05478ED0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3645200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8" name="OTLSHAPE_M_8e2cc990fac74b7baee36c2e53718675_Connector1">
            <a:extLst>
              <a:ext uri="{FF2B5EF4-FFF2-40B4-BE49-F238E27FC236}">
                <a16:creationId xmlns:a16="http://schemas.microsoft.com/office/drawing/2014/main" id="{4EC4ED8B-827E-4FF7-ABEC-CF280214B0E1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3645200" y="1066278"/>
            <a:ext cx="0" cy="2263267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7" name="OTLSHAPE_M_6127689842874feb9ba4e87ea845edaf_Connector6">
            <a:extLst>
              <a:ext uri="{FF2B5EF4-FFF2-40B4-BE49-F238E27FC236}">
                <a16:creationId xmlns:a16="http://schemas.microsoft.com/office/drawing/2014/main" id="{F6AC448F-92F0-4779-8997-0F9CCF9D4775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3136407" y="6160036"/>
            <a:ext cx="0" cy="2159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6" name="OTLSHAPE_M_6127689842874feb9ba4e87ea845edaf_Connector5">
            <a:extLst>
              <a:ext uri="{FF2B5EF4-FFF2-40B4-BE49-F238E27FC236}">
                <a16:creationId xmlns:a16="http://schemas.microsoft.com/office/drawing/2014/main" id="{2D80E796-152C-4476-BA46-0B19B17059DC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3136407" y="5992311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5" name="OTLSHAPE_M_6127689842874feb9ba4e87ea845edaf_Connector4">
            <a:extLst>
              <a:ext uri="{FF2B5EF4-FFF2-40B4-BE49-F238E27FC236}">
                <a16:creationId xmlns:a16="http://schemas.microsoft.com/office/drawing/2014/main" id="{14888A17-ED80-4C08-98C3-68E2FF9D5AD1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3136407" y="4461369"/>
            <a:ext cx="0" cy="118990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4" name="OTLSHAPE_M_6127689842874feb9ba4e87ea845edaf_Connector3">
            <a:extLst>
              <a:ext uri="{FF2B5EF4-FFF2-40B4-BE49-F238E27FC236}">
                <a16:creationId xmlns:a16="http://schemas.microsoft.com/office/drawing/2014/main" id="{EDEA5716-BE38-4B95-B537-56E9CBB9D63C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3136407" y="4293644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3" name="OTLSHAPE_M_6127689842874feb9ba4e87ea845edaf_Connector2">
            <a:extLst>
              <a:ext uri="{FF2B5EF4-FFF2-40B4-BE49-F238E27FC236}">
                <a16:creationId xmlns:a16="http://schemas.microsoft.com/office/drawing/2014/main" id="{C9CAE87B-D681-4B5A-9743-E834D0B3DCA4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3136407" y="3670582"/>
            <a:ext cx="0" cy="28202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2" name="OTLSHAPE_M_6127689842874feb9ba4e87ea845edaf_Connector1">
            <a:extLst>
              <a:ext uri="{FF2B5EF4-FFF2-40B4-BE49-F238E27FC236}">
                <a16:creationId xmlns:a16="http://schemas.microsoft.com/office/drawing/2014/main" id="{597E18AC-CE63-46C3-96AB-9252AAED497B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3136407" y="-2089694"/>
            <a:ext cx="0" cy="5470356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1" name="OTLSHAPE_M_2ee6913300e14ef9bfaeb7e31f6ee5fd_Connector5">
            <a:extLst>
              <a:ext uri="{FF2B5EF4-FFF2-40B4-BE49-F238E27FC236}">
                <a16:creationId xmlns:a16="http://schemas.microsoft.com/office/drawing/2014/main" id="{79B50814-D0FE-4414-B80F-8CA5378E91A5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3023341" y="6160036"/>
            <a:ext cx="0" cy="2159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0" name="OTLSHAPE_M_2ee6913300e14ef9bfaeb7e31f6ee5fd_Connector4">
            <a:extLst>
              <a:ext uri="{FF2B5EF4-FFF2-40B4-BE49-F238E27FC236}">
                <a16:creationId xmlns:a16="http://schemas.microsoft.com/office/drawing/2014/main" id="{41A65073-DD61-4C87-9917-B8394F406BCF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3023341" y="5992311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9" name="OTLSHAPE_M_2ee6913300e14ef9bfaeb7e31f6ee5fd_Connector3">
            <a:extLst>
              <a:ext uri="{FF2B5EF4-FFF2-40B4-BE49-F238E27FC236}">
                <a16:creationId xmlns:a16="http://schemas.microsoft.com/office/drawing/2014/main" id="{63F308D9-C57F-4E03-8389-91957D87B40E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3023341" y="3838307"/>
            <a:ext cx="0" cy="1812967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8" name="OTLSHAPE_M_2ee6913300e14ef9bfaeb7e31f6ee5fd_Connector2">
            <a:extLst>
              <a:ext uri="{FF2B5EF4-FFF2-40B4-BE49-F238E27FC236}">
                <a16:creationId xmlns:a16="http://schemas.microsoft.com/office/drawing/2014/main" id="{B176F09D-8EB3-4AE6-849F-5CC43F9C8A5A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3023341" y="3670582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7" name="OTLSHAPE_M_2ee6913300e14ef9bfaeb7e31f6ee5fd_Connector1">
            <a:extLst>
              <a:ext uri="{FF2B5EF4-FFF2-40B4-BE49-F238E27FC236}">
                <a16:creationId xmlns:a16="http://schemas.microsoft.com/office/drawing/2014/main" id="{184D35C7-5992-46E0-A2DC-0DE7E096654D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3023341" y="-3104910"/>
            <a:ext cx="0" cy="6434455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6" name="OTLSHAPE_M_8e73f6785d134a1199c1efe98765b981_Connector5">
            <a:extLst>
              <a:ext uri="{FF2B5EF4-FFF2-40B4-BE49-F238E27FC236}">
                <a16:creationId xmlns:a16="http://schemas.microsoft.com/office/drawing/2014/main" id="{8C03BEBE-0A22-48BC-9E80-542E32A8CC36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3023341" y="6160036"/>
            <a:ext cx="0" cy="2159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5" name="OTLSHAPE_M_8e73f6785d134a1199c1efe98765b981_Connector4">
            <a:extLst>
              <a:ext uri="{FF2B5EF4-FFF2-40B4-BE49-F238E27FC236}">
                <a16:creationId xmlns:a16="http://schemas.microsoft.com/office/drawing/2014/main" id="{C6186CBF-3F6B-4401-BE7A-F82D80CC39B6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023341" y="5992311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4" name="OTLSHAPE_M_8e73f6785d134a1199c1efe98765b981_Connector3">
            <a:extLst>
              <a:ext uri="{FF2B5EF4-FFF2-40B4-BE49-F238E27FC236}">
                <a16:creationId xmlns:a16="http://schemas.microsoft.com/office/drawing/2014/main" id="{8B1B31A1-F967-445A-A654-F99C0C724F45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3023341" y="3838307"/>
            <a:ext cx="0" cy="1812967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3" name="OTLSHAPE_M_8e73f6785d134a1199c1efe98765b981_Connector2">
            <a:extLst>
              <a:ext uri="{FF2B5EF4-FFF2-40B4-BE49-F238E27FC236}">
                <a16:creationId xmlns:a16="http://schemas.microsoft.com/office/drawing/2014/main" id="{B971553C-700C-4D89-8A96-01D2DFC8D7C8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3023341" y="3670582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2" name="OTLSHAPE_M_8e73f6785d134a1199c1efe98765b981_Connector1">
            <a:extLst>
              <a:ext uri="{FF2B5EF4-FFF2-40B4-BE49-F238E27FC236}">
                <a16:creationId xmlns:a16="http://schemas.microsoft.com/office/drawing/2014/main" id="{128F1060-C99E-463C-A551-6C00FF4930EB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3023341" y="443216"/>
            <a:ext cx="0" cy="2886329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1" name="OTLSHAPE_M_87b1f3b8ab3c4be996f7e928cc869e70_Connector3">
            <a:extLst>
              <a:ext uri="{FF2B5EF4-FFF2-40B4-BE49-F238E27FC236}">
                <a16:creationId xmlns:a16="http://schemas.microsoft.com/office/drawing/2014/main" id="{904E712F-4D74-4428-9555-E29989864978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882010" y="6160036"/>
            <a:ext cx="0" cy="2159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0" name="OTLSHAPE_M_87b1f3b8ab3c4be996f7e928cc869e70_Connector2">
            <a:extLst>
              <a:ext uri="{FF2B5EF4-FFF2-40B4-BE49-F238E27FC236}">
                <a16:creationId xmlns:a16="http://schemas.microsoft.com/office/drawing/2014/main" id="{4A24AF5D-280A-44F1-A2BE-2E92DA235E08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2882010" y="5992311"/>
            <a:ext cx="0" cy="1270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9" name="OTLSHAPE_M_87b1f3b8ab3c4be996f7e928cc869e70_Connector1">
            <a:extLst>
              <a:ext uri="{FF2B5EF4-FFF2-40B4-BE49-F238E27FC236}">
                <a16:creationId xmlns:a16="http://schemas.microsoft.com/office/drawing/2014/main" id="{822996CF-FCEB-43EE-936F-A607ED733220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2882010" y="4181588"/>
            <a:ext cx="0" cy="1469686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8" name="OTLSHAPE_M_24cd1f8756f1489ba47cbc7c9f653dbb_Connector1">
            <a:extLst>
              <a:ext uri="{FF2B5EF4-FFF2-40B4-BE49-F238E27FC236}">
                <a16:creationId xmlns:a16="http://schemas.microsoft.com/office/drawing/2014/main" id="{9BE7F143-D68C-4182-9912-76EDB5D6DFC4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2514548" y="5880255"/>
            <a:ext cx="0" cy="495681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7" name="OTLSHAPE_M_e200588c582e4c61a586d3b2099e293e_Connector1">
            <a:extLst>
              <a:ext uri="{FF2B5EF4-FFF2-40B4-BE49-F238E27FC236}">
                <a16:creationId xmlns:a16="http://schemas.microsoft.com/office/drawing/2014/main" id="{50F65D2B-621A-4F5A-931B-505CA7083927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2288418" y="3558526"/>
            <a:ext cx="0" cy="2817410"/>
          </a:xfrm>
          <a:prstGeom prst="line">
            <a:avLst/>
          </a:prstGeom>
          <a:ln w="762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8" name="OTLSHAPE_TB_00000000000000000000000000000000_LeftEndCaps">
            <a:extLst>
              <a:ext uri="{FF2B5EF4-FFF2-40B4-BE49-F238E27FC236}">
                <a16:creationId xmlns:a16="http://schemas.microsoft.com/office/drawing/2014/main" id="{05BB0464-04EC-44D8-B1CC-E55FFD66109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17500" y="642690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1939</a:t>
            </a:r>
          </a:p>
        </p:txBody>
      </p:sp>
      <p:sp>
        <p:nvSpPr>
          <p:cNvPr id="1099" name="OTLSHAPE_TB_00000000000000000000000000000000_RightEndCaps">
            <a:extLst>
              <a:ext uri="{FF2B5EF4-FFF2-40B4-BE49-F238E27FC236}">
                <a16:creationId xmlns:a16="http://schemas.microsoft.com/office/drawing/2014/main" id="{E6B500BF-6E41-4EBB-BF84-D15AE4AA7AC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1411034" y="642690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1100" name="OTLSHAPE_TB_00000000000000000000000000000000_ScaleContainer">
            <a:extLst>
              <a:ext uri="{FF2B5EF4-FFF2-40B4-BE49-F238E27FC236}">
                <a16:creationId xmlns:a16="http://schemas.microsoft.com/office/drawing/2014/main" id="{F84BF9E5-232A-4FC5-B75C-D7DD0DA4AD36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933365" y="6375936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6F3198"/>
              </a:gs>
              <a:gs pos="0">
                <a:srgbClr val="6F3198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1" name="OTLSHAPE_TB_00000000000000000000000000000000_ElapsedTime" hidden="1">
            <a:extLst>
              <a:ext uri="{FF2B5EF4-FFF2-40B4-BE49-F238E27FC236}">
                <a16:creationId xmlns:a16="http://schemas.microsoft.com/office/drawing/2014/main" id="{0DF712EB-6806-4D92-AA66-5148BE8C1348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0" y="20955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2" name="OTLSHAPE_TB_00000000000000000000000000000000_TodayMarkerShape" hidden="1">
            <a:extLst>
              <a:ext uri="{FF2B5EF4-FFF2-40B4-BE49-F238E27FC236}">
                <a16:creationId xmlns:a16="http://schemas.microsoft.com/office/drawing/2014/main" id="{53A74449-05FC-4965-BDEA-9ABBBE63333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789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3" name="OTLSHAPE_TB_00000000000000000000000000000000_TodayMarkerText" hidden="1">
            <a:extLst>
              <a:ext uri="{FF2B5EF4-FFF2-40B4-BE49-F238E27FC236}">
                <a16:creationId xmlns:a16="http://schemas.microsoft.com/office/drawing/2014/main" id="{9ABA58CF-FE44-4CEF-9210-864A514D1C4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33365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04" name="OTLSHAPE_TB_00000000000000000000000000000000_TimescaleInterval1">
            <a:extLst>
              <a:ext uri="{FF2B5EF4-FFF2-40B4-BE49-F238E27FC236}">
                <a16:creationId xmlns:a16="http://schemas.microsoft.com/office/drawing/2014/main" id="{F284734B-6458-4E74-AEF5-E788AB8DF5D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96865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9</a:t>
            </a:r>
          </a:p>
        </p:txBody>
      </p:sp>
      <p:cxnSp>
        <p:nvCxnSpPr>
          <p:cNvPr id="1105" name="OTLSHAPE_TB_00000000000000000000000000000000_Separator1">
            <a:extLst>
              <a:ext uri="{FF2B5EF4-FFF2-40B4-BE49-F238E27FC236}">
                <a16:creationId xmlns:a16="http://schemas.microsoft.com/office/drawing/2014/main" id="{75A43D33-3FAB-4CAD-9628-5EBC8468C40A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2407250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6" name="OTLSHAPE_TB_00000000000000000000000000000000_TimescaleInterval2">
            <a:extLst>
              <a:ext uri="{FF2B5EF4-FFF2-40B4-BE49-F238E27FC236}">
                <a16:creationId xmlns:a16="http://schemas.microsoft.com/office/drawing/2014/main" id="{E11ADC71-90CD-43E7-8E88-4EF1F045400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470750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</a:p>
        </p:txBody>
      </p:sp>
      <p:cxnSp>
        <p:nvCxnSpPr>
          <p:cNvPr id="1107" name="OTLSHAPE_TB_00000000000000000000000000000000_Separator2">
            <a:extLst>
              <a:ext uri="{FF2B5EF4-FFF2-40B4-BE49-F238E27FC236}">
                <a16:creationId xmlns:a16="http://schemas.microsoft.com/office/drawing/2014/main" id="{0234C668-41A7-4E7E-8A44-4D02FF6242CE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3885173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8" name="OTLSHAPE_TB_00000000000000000000000000000000_TimescaleInterval3">
            <a:extLst>
              <a:ext uri="{FF2B5EF4-FFF2-40B4-BE49-F238E27FC236}">
                <a16:creationId xmlns:a16="http://schemas.microsoft.com/office/drawing/2014/main" id="{A2A12325-CC52-4DDA-8A25-7DFB1C7DBD2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948673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1</a:t>
            </a:r>
          </a:p>
        </p:txBody>
      </p:sp>
      <p:cxnSp>
        <p:nvCxnSpPr>
          <p:cNvPr id="1109" name="OTLSHAPE_TB_00000000000000000000000000000000_Separator3">
            <a:extLst>
              <a:ext uri="{FF2B5EF4-FFF2-40B4-BE49-F238E27FC236}">
                <a16:creationId xmlns:a16="http://schemas.microsoft.com/office/drawing/2014/main" id="{D4DE4679-9744-4CC4-97F0-FE5B846BC16E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5359058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0" name="OTLSHAPE_TB_00000000000000000000000000000000_TimescaleInterval4">
            <a:extLst>
              <a:ext uri="{FF2B5EF4-FFF2-40B4-BE49-F238E27FC236}">
                <a16:creationId xmlns:a16="http://schemas.microsoft.com/office/drawing/2014/main" id="{25B330A1-BE48-406F-88D4-EB76CDBB534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422558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2</a:t>
            </a:r>
          </a:p>
        </p:txBody>
      </p:sp>
      <p:cxnSp>
        <p:nvCxnSpPr>
          <p:cNvPr id="1111" name="OTLSHAPE_TB_00000000000000000000000000000000_Separator4">
            <a:extLst>
              <a:ext uri="{FF2B5EF4-FFF2-40B4-BE49-F238E27FC236}">
                <a16:creationId xmlns:a16="http://schemas.microsoft.com/office/drawing/2014/main" id="{48C2741C-E378-41C0-B15B-8BA616AD1668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6832943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2" name="OTLSHAPE_TB_00000000000000000000000000000000_TimescaleInterval5">
            <a:extLst>
              <a:ext uri="{FF2B5EF4-FFF2-40B4-BE49-F238E27FC236}">
                <a16:creationId xmlns:a16="http://schemas.microsoft.com/office/drawing/2014/main" id="{31FD61C8-9EB6-4634-9B09-FC04E2A0842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896443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3</a:t>
            </a:r>
          </a:p>
        </p:txBody>
      </p:sp>
      <p:cxnSp>
        <p:nvCxnSpPr>
          <p:cNvPr id="1113" name="OTLSHAPE_TB_00000000000000000000000000000000_Separator5">
            <a:extLst>
              <a:ext uri="{FF2B5EF4-FFF2-40B4-BE49-F238E27FC236}">
                <a16:creationId xmlns:a16="http://schemas.microsoft.com/office/drawing/2014/main" id="{EAE099C6-A490-4A99-BB34-78CE8330CC4E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8306827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4" name="OTLSHAPE_TB_00000000000000000000000000000000_TimescaleInterval6">
            <a:extLst>
              <a:ext uri="{FF2B5EF4-FFF2-40B4-BE49-F238E27FC236}">
                <a16:creationId xmlns:a16="http://schemas.microsoft.com/office/drawing/2014/main" id="{82154A78-DF59-4762-9BB1-A8E8013AA57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70327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4</a:t>
            </a:r>
          </a:p>
        </p:txBody>
      </p:sp>
      <p:cxnSp>
        <p:nvCxnSpPr>
          <p:cNvPr id="1115" name="OTLSHAPE_TB_00000000000000000000000000000000_Separator6">
            <a:extLst>
              <a:ext uri="{FF2B5EF4-FFF2-40B4-BE49-F238E27FC236}">
                <a16:creationId xmlns:a16="http://schemas.microsoft.com/office/drawing/2014/main" id="{7FC9DF78-7CF8-47D2-88A0-4FA06E14664D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9784750" y="6464836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6" name="OTLSHAPE_TB_00000000000000000000000000000000_TimescaleInterval7">
            <a:extLst>
              <a:ext uri="{FF2B5EF4-FFF2-40B4-BE49-F238E27FC236}">
                <a16:creationId xmlns:a16="http://schemas.microsoft.com/office/drawing/2014/main" id="{408CC5A5-B794-4AA2-B505-29AB2EA138F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848250" y="647340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</a:p>
        </p:txBody>
      </p:sp>
      <p:sp>
        <p:nvSpPr>
          <p:cNvPr id="1227" name="OTLSHAPE_M_e200588c582e4c61a586d3b2099e293e_Title">
            <a:extLst>
              <a:ext uri="{FF2B5EF4-FFF2-40B4-BE49-F238E27FC236}">
                <a16:creationId xmlns:a16="http://schemas.microsoft.com/office/drawing/2014/main" id="{46421A97-8589-4074-8747-83E91A27FF9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447168" y="3329545"/>
            <a:ext cx="242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upposed attempt on Adolf Hitler’s life in the shrine of Nazidom at Munich.</a:t>
            </a:r>
          </a:p>
        </p:txBody>
      </p:sp>
      <p:sp>
        <p:nvSpPr>
          <p:cNvPr id="1228" name="OTLSHAPE_M_e200588c582e4c61a586d3b2099e293e_Date">
            <a:extLst>
              <a:ext uri="{FF2B5EF4-FFF2-40B4-BE49-F238E27FC236}">
                <a16:creationId xmlns:a16="http://schemas.microsoft.com/office/drawing/2014/main" id="{31E2961D-27E8-408D-B4DD-2C93AA0160A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447168" y="368328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30/1939</a:t>
            </a:r>
          </a:p>
        </p:txBody>
      </p:sp>
      <p:sp>
        <p:nvSpPr>
          <p:cNvPr id="1229" name="OTLSHAPE_M_e200588c582e4c61a586d3b2099e293e_Shape">
            <a:extLst>
              <a:ext uri="{FF2B5EF4-FFF2-40B4-BE49-F238E27FC236}">
                <a16:creationId xmlns:a16="http://schemas.microsoft.com/office/drawing/2014/main" id="{E4B3A1C8-E685-4586-AA5C-890747E3A8EF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rot="16200000">
            <a:off x="2313818" y="3558526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0" name="OTLSHAPE_M_24cd1f8756f1489ba47cbc7c9f653dbb_Title">
            <a:extLst>
              <a:ext uri="{FF2B5EF4-FFF2-40B4-BE49-F238E27FC236}">
                <a16:creationId xmlns:a16="http://schemas.microsoft.com/office/drawing/2014/main" id="{9DB248B6-7781-40D8-B46C-F529004E30F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673298" y="5651274"/>
            <a:ext cx="2273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azis choose Krakow as new Capital of Poland</a:t>
            </a:r>
          </a:p>
        </p:txBody>
      </p:sp>
      <p:sp>
        <p:nvSpPr>
          <p:cNvPr id="1231" name="OTLSHAPE_M_24cd1f8756f1489ba47cbc7c9f653dbb_Date">
            <a:extLst>
              <a:ext uri="{FF2B5EF4-FFF2-40B4-BE49-F238E27FC236}">
                <a16:creationId xmlns:a16="http://schemas.microsoft.com/office/drawing/2014/main" id="{C16BD240-5353-4472-9672-9725D4ED766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673298" y="60050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25/1940</a:t>
            </a:r>
          </a:p>
        </p:txBody>
      </p:sp>
      <p:sp>
        <p:nvSpPr>
          <p:cNvPr id="1232" name="OTLSHAPE_M_24cd1f8756f1489ba47cbc7c9f653dbb_Shape">
            <a:extLst>
              <a:ext uri="{FF2B5EF4-FFF2-40B4-BE49-F238E27FC236}">
                <a16:creationId xmlns:a16="http://schemas.microsoft.com/office/drawing/2014/main" id="{C35C6CB6-476B-47D0-A585-F8BEC83B6DC0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rot="16200000">
            <a:off x="2539948" y="5880255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M_87b1f3b8ab3c4be996f7e928cc869e70_Title">
            <a:extLst>
              <a:ext uri="{FF2B5EF4-FFF2-40B4-BE49-F238E27FC236}">
                <a16:creationId xmlns:a16="http://schemas.microsoft.com/office/drawing/2014/main" id="{D349E7B7-6EB0-42D7-82D5-3430AB18FAA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040760" y="3952607"/>
            <a:ext cx="2362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The capitals of two neutral countries fall into the hands of the Nazi conquerors</a:t>
            </a:r>
          </a:p>
        </p:txBody>
      </p:sp>
      <p:sp>
        <p:nvSpPr>
          <p:cNvPr id="1234" name="OTLSHAPE_M_87b1f3b8ab3c4be996f7e928cc869e70_Date">
            <a:extLst>
              <a:ext uri="{FF2B5EF4-FFF2-40B4-BE49-F238E27FC236}">
                <a16:creationId xmlns:a16="http://schemas.microsoft.com/office/drawing/2014/main" id="{3637063C-8839-40B4-A68E-03190B0E615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3040760" y="4306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5/1940</a:t>
            </a:r>
          </a:p>
        </p:txBody>
      </p:sp>
      <p:sp>
        <p:nvSpPr>
          <p:cNvPr id="1235" name="OTLSHAPE_M_87b1f3b8ab3c4be996f7e928cc869e70_Shape">
            <a:extLst>
              <a:ext uri="{FF2B5EF4-FFF2-40B4-BE49-F238E27FC236}">
                <a16:creationId xmlns:a16="http://schemas.microsoft.com/office/drawing/2014/main" id="{D451EE08-059C-48FD-89F2-1C82355DB44E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rot="16200000">
            <a:off x="2907410" y="4181588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6" name="OTLSHAPE_M_8e73f6785d134a1199c1efe98765b981_Title">
            <a:extLst>
              <a:ext uri="{FF2B5EF4-FFF2-40B4-BE49-F238E27FC236}">
                <a16:creationId xmlns:a16="http://schemas.microsoft.com/office/drawing/2014/main" id="{F357D0E3-2F05-49DB-B0F4-6DD574F95F2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182091" y="214235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anada speeds up war effort in response to the Nazi victory over Holland</a:t>
            </a:r>
          </a:p>
        </p:txBody>
      </p:sp>
      <p:sp>
        <p:nvSpPr>
          <p:cNvPr id="1237" name="OTLSHAPE_M_8e73f6785d134a1199c1efe98765b981_Date">
            <a:extLst>
              <a:ext uri="{FF2B5EF4-FFF2-40B4-BE49-F238E27FC236}">
                <a16:creationId xmlns:a16="http://schemas.microsoft.com/office/drawing/2014/main" id="{6B671CEA-7FBE-434D-9495-4968ACD0259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182091" y="56797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5/30/1940</a:t>
            </a:r>
          </a:p>
        </p:txBody>
      </p:sp>
      <p:sp>
        <p:nvSpPr>
          <p:cNvPr id="1238" name="OTLSHAPE_M_8e73f6785d134a1199c1efe98765b981_Shape">
            <a:extLst>
              <a:ext uri="{FF2B5EF4-FFF2-40B4-BE49-F238E27FC236}">
                <a16:creationId xmlns:a16="http://schemas.microsoft.com/office/drawing/2014/main" id="{BD45A35C-4C00-494F-A42D-CCB5F8D6853B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 rot="16200000">
            <a:off x="3048741" y="443216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9" name="OTLSHAPE_M_2ee6913300e14ef9bfaeb7e31f6ee5fd_Title">
            <a:extLst>
              <a:ext uri="{FF2B5EF4-FFF2-40B4-BE49-F238E27FC236}">
                <a16:creationId xmlns:a16="http://schemas.microsoft.com/office/drawing/2014/main" id="{69F94EDC-F77D-4A74-8090-F3F53DAF5A9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3182091" y="-3419151"/>
            <a:ext cx="2400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German victory over Holland moves Nazi air bases within 186 miles of the English coast.</a:t>
            </a:r>
          </a:p>
        </p:txBody>
      </p:sp>
      <p:sp>
        <p:nvSpPr>
          <p:cNvPr id="1240" name="OTLSHAPE_M_2ee6913300e14ef9bfaeb7e31f6ee5fd_Date">
            <a:extLst>
              <a:ext uri="{FF2B5EF4-FFF2-40B4-BE49-F238E27FC236}">
                <a16:creationId xmlns:a16="http://schemas.microsoft.com/office/drawing/2014/main" id="{EEB84527-04CC-4697-9773-F887083E52B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3182091" y="-289489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5/30/1940</a:t>
            </a:r>
          </a:p>
        </p:txBody>
      </p:sp>
      <p:sp>
        <p:nvSpPr>
          <p:cNvPr id="1241" name="OTLSHAPE_M_2ee6913300e14ef9bfaeb7e31f6ee5fd_Shape">
            <a:extLst>
              <a:ext uri="{FF2B5EF4-FFF2-40B4-BE49-F238E27FC236}">
                <a16:creationId xmlns:a16="http://schemas.microsoft.com/office/drawing/2014/main" id="{37FD868D-54AB-488A-8CA6-CD3D5B10B8A4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 rot="16200000">
            <a:off x="3048741" y="-310491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M_6127689842874feb9ba4e87ea845edaf_Title">
            <a:extLst>
              <a:ext uri="{FF2B5EF4-FFF2-40B4-BE49-F238E27FC236}">
                <a16:creationId xmlns:a16="http://schemas.microsoft.com/office/drawing/2014/main" id="{FF736019-2A8D-437F-82C2-32063A0EE72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295157" y="-2625570"/>
            <a:ext cx="25400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rance and England in supreme danger, Paris fights for her life with enemies on almost every front, supply lines to Africa threatened. Britain still recovering from the disaster of Flanders</a:t>
            </a:r>
          </a:p>
        </p:txBody>
      </p:sp>
      <p:sp>
        <p:nvSpPr>
          <p:cNvPr id="1243" name="OTLSHAPE_M_6127689842874feb9ba4e87ea845edaf_Date">
            <a:extLst>
              <a:ext uri="{FF2B5EF4-FFF2-40B4-BE49-F238E27FC236}">
                <a16:creationId xmlns:a16="http://schemas.microsoft.com/office/drawing/2014/main" id="{1F4ECB0A-4D32-4C58-823C-1A42110FCBF4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295157" y="-17602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7/1940</a:t>
            </a:r>
          </a:p>
        </p:txBody>
      </p:sp>
      <p:sp>
        <p:nvSpPr>
          <p:cNvPr id="1244" name="OTLSHAPE_M_6127689842874feb9ba4e87ea845edaf_Shape">
            <a:extLst>
              <a:ext uri="{FF2B5EF4-FFF2-40B4-BE49-F238E27FC236}">
                <a16:creationId xmlns:a16="http://schemas.microsoft.com/office/drawing/2014/main" id="{161001FE-F19A-4251-8089-83E79FFFD5ED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rot="16200000">
            <a:off x="3161807" y="-2140811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5" name="OTLSHAPE_M_8e2cc990fac74b7baee36c2e53718675_Title">
            <a:extLst>
              <a:ext uri="{FF2B5EF4-FFF2-40B4-BE49-F238E27FC236}">
                <a16:creationId xmlns:a16="http://schemas.microsoft.com/office/drawing/2014/main" id="{4A512588-391B-42A2-B4DD-5AA01503ACE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3803950" y="837297"/>
            <a:ext cx="245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ports that Turkey and Russia were near agreement on a military alliance.</a:t>
            </a:r>
          </a:p>
        </p:txBody>
      </p:sp>
      <p:sp>
        <p:nvSpPr>
          <p:cNvPr id="1246" name="OTLSHAPE_M_8e2cc990fac74b7baee36c2e53718675_Date">
            <a:extLst>
              <a:ext uri="{FF2B5EF4-FFF2-40B4-BE49-F238E27FC236}">
                <a16:creationId xmlns:a16="http://schemas.microsoft.com/office/drawing/2014/main" id="{58BECA63-DC9D-4C62-9FA0-94FE0058358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803950" y="119103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31/1940</a:t>
            </a:r>
          </a:p>
        </p:txBody>
      </p:sp>
      <p:sp>
        <p:nvSpPr>
          <p:cNvPr id="1247" name="OTLSHAPE_M_8e2cc990fac74b7baee36c2e53718675_Shape">
            <a:extLst>
              <a:ext uri="{FF2B5EF4-FFF2-40B4-BE49-F238E27FC236}">
                <a16:creationId xmlns:a16="http://schemas.microsoft.com/office/drawing/2014/main" id="{0900FB3F-F112-497C-92A6-9D1F46927BA3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 rot="16200000">
            <a:off x="3670600" y="1066278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8" name="OTLSHAPE_M_648cef3c927346c1b767c967b07091d9_Title">
            <a:extLst>
              <a:ext uri="{FF2B5EF4-FFF2-40B4-BE49-F238E27FC236}">
                <a16:creationId xmlns:a16="http://schemas.microsoft.com/office/drawing/2014/main" id="{3088ED15-83A4-4834-A992-7860B3A81EB7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106803" y="1460359"/>
            <a:ext cx="245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ominion and different provinces meet in Ottawa</a:t>
            </a:r>
          </a:p>
        </p:txBody>
      </p:sp>
      <p:sp>
        <p:nvSpPr>
          <p:cNvPr id="1249" name="OTLSHAPE_M_648cef3c927346c1b767c967b07091d9_Date">
            <a:extLst>
              <a:ext uri="{FF2B5EF4-FFF2-40B4-BE49-F238E27FC236}">
                <a16:creationId xmlns:a16="http://schemas.microsoft.com/office/drawing/2014/main" id="{7579559B-44E2-47A0-A7CE-73296FF656E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106803" y="181409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14/1941</a:t>
            </a:r>
          </a:p>
        </p:txBody>
      </p:sp>
      <p:sp>
        <p:nvSpPr>
          <p:cNvPr id="1250" name="OTLSHAPE_M_648cef3c927346c1b767c967b07091d9_Shape">
            <a:extLst>
              <a:ext uri="{FF2B5EF4-FFF2-40B4-BE49-F238E27FC236}">
                <a16:creationId xmlns:a16="http://schemas.microsoft.com/office/drawing/2014/main" id="{6D6745C9-7EE2-4085-819E-47393C2F371D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3973453" y="168934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1" name="OTLSHAPE_M_b1df36dc3cd746c4b6df2633585c0152_Title">
            <a:extLst>
              <a:ext uri="{FF2B5EF4-FFF2-40B4-BE49-F238E27FC236}">
                <a16:creationId xmlns:a16="http://schemas.microsoft.com/office/drawing/2014/main" id="{1E07870B-E0EA-4633-9467-CC72E8CB8992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397542" y="2083421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azi Spring offensive is developing rapidly</a:t>
            </a:r>
          </a:p>
        </p:txBody>
      </p:sp>
      <p:sp>
        <p:nvSpPr>
          <p:cNvPr id="1252" name="OTLSHAPE_M_b1df36dc3cd746c4b6df2633585c0152_Date">
            <a:extLst>
              <a:ext uri="{FF2B5EF4-FFF2-40B4-BE49-F238E27FC236}">
                <a16:creationId xmlns:a16="http://schemas.microsoft.com/office/drawing/2014/main" id="{A12D0DDF-B0FE-4861-8F18-FFACCDE0FC2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4397542" y="226663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27/1941</a:t>
            </a:r>
          </a:p>
        </p:txBody>
      </p:sp>
      <p:sp>
        <p:nvSpPr>
          <p:cNvPr id="1253" name="OTLSHAPE_M_b1df36dc3cd746c4b6df2633585c0152_Shape">
            <a:extLst>
              <a:ext uri="{FF2B5EF4-FFF2-40B4-BE49-F238E27FC236}">
                <a16:creationId xmlns:a16="http://schemas.microsoft.com/office/drawing/2014/main" id="{4BE586AB-3C71-4578-9447-DB6122756757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 rot="16200000">
            <a:off x="4264192" y="2227142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4" name="OTLSHAPE_M_3db5570d5883414abf9c110501d9034e_Title">
            <a:extLst>
              <a:ext uri="{FF2B5EF4-FFF2-40B4-BE49-F238E27FC236}">
                <a16:creationId xmlns:a16="http://schemas.microsoft.com/office/drawing/2014/main" id="{42D63F91-71EA-40CA-ADEE-4810783609B6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510607" y="4575669"/>
            <a:ext cx="219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Greece and Yugoslavia become active obstacles in the Nazi path</a:t>
            </a:r>
          </a:p>
        </p:txBody>
      </p:sp>
      <p:sp>
        <p:nvSpPr>
          <p:cNvPr id="1255" name="OTLSHAPE_M_3db5570d5883414abf9c110501d9034e_Date">
            <a:extLst>
              <a:ext uri="{FF2B5EF4-FFF2-40B4-BE49-F238E27FC236}">
                <a16:creationId xmlns:a16="http://schemas.microsoft.com/office/drawing/2014/main" id="{18D1BD89-E2C3-4974-A49F-291127AEF20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510607" y="49294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4/1941</a:t>
            </a:r>
          </a:p>
        </p:txBody>
      </p:sp>
      <p:sp>
        <p:nvSpPr>
          <p:cNvPr id="1256" name="OTLSHAPE_M_3db5570d5883414abf9c110501d9034e_Shape">
            <a:extLst>
              <a:ext uri="{FF2B5EF4-FFF2-40B4-BE49-F238E27FC236}">
                <a16:creationId xmlns:a16="http://schemas.microsoft.com/office/drawing/2014/main" id="{699D4CAD-2F2E-4A24-A6CA-C7178306A9C6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 rot="16200000">
            <a:off x="4377257" y="480465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7" name="OTLSHAPE_M_fd112f4d43d9463182f16739e8380960_Title">
            <a:extLst>
              <a:ext uri="{FF2B5EF4-FFF2-40B4-BE49-F238E27FC236}">
                <a16:creationId xmlns:a16="http://schemas.microsoft.com/office/drawing/2014/main" id="{25942EC0-1BD3-417A-8755-76F0D5CC7D1E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906335" y="-1490952"/>
            <a:ext cx="25400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German news agencies tell of the imminent doom of two of Russia’s cities, Leningrad, and Kiev. Nazis said to have crossed the Luga River.</a:t>
            </a:r>
          </a:p>
        </p:txBody>
      </p:sp>
      <p:sp>
        <p:nvSpPr>
          <p:cNvPr id="1258" name="OTLSHAPE_M_fd112f4d43d9463182f16739e8380960_Date">
            <a:extLst>
              <a:ext uri="{FF2B5EF4-FFF2-40B4-BE49-F238E27FC236}">
                <a16:creationId xmlns:a16="http://schemas.microsoft.com/office/drawing/2014/main" id="{9CC3DA40-BF4B-4D70-89FE-89BFD2BE283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4906335" y="-79617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7/31/1941</a:t>
            </a:r>
          </a:p>
        </p:txBody>
      </p:sp>
      <p:sp>
        <p:nvSpPr>
          <p:cNvPr id="1259" name="OTLSHAPE_M_fd112f4d43d9463182f16739e8380960_Shape">
            <a:extLst>
              <a:ext uri="{FF2B5EF4-FFF2-40B4-BE49-F238E27FC236}">
                <a16:creationId xmlns:a16="http://schemas.microsoft.com/office/drawing/2014/main" id="{8A57ACF1-DA3A-4E7A-B950-589E6BBBB872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 rot="16200000">
            <a:off x="4772985" y="-1091452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0" name="OTLSHAPE_M_6b7b648a52094f13bae738fb288f0eeb_Title">
            <a:extLst>
              <a:ext uri="{FF2B5EF4-FFF2-40B4-BE49-F238E27FC236}">
                <a16:creationId xmlns:a16="http://schemas.microsoft.com/office/drawing/2014/main" id="{70E244C0-ED09-4D6B-B3CD-A1077A615EA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5019400" y="2535964"/>
            <a:ext cx="2286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azis said to have suffered during the month but their striking power has not been destroyed.</a:t>
            </a:r>
          </a:p>
        </p:txBody>
      </p:sp>
      <p:sp>
        <p:nvSpPr>
          <p:cNvPr id="1261" name="OTLSHAPE_M_6b7b648a52094f13bae738fb288f0eeb_Date">
            <a:extLst>
              <a:ext uri="{FF2B5EF4-FFF2-40B4-BE49-F238E27FC236}">
                <a16:creationId xmlns:a16="http://schemas.microsoft.com/office/drawing/2014/main" id="{6EFD5A8E-90A2-48A6-89FB-E448A86592D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5019400" y="30602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28/1941</a:t>
            </a:r>
          </a:p>
        </p:txBody>
      </p:sp>
      <p:sp>
        <p:nvSpPr>
          <p:cNvPr id="1262" name="OTLSHAPE_M_6b7b648a52094f13bae738fb288f0eeb_Shape">
            <a:extLst>
              <a:ext uri="{FF2B5EF4-FFF2-40B4-BE49-F238E27FC236}">
                <a16:creationId xmlns:a16="http://schemas.microsoft.com/office/drawing/2014/main" id="{1546178D-49A6-4FCF-B536-03CACB29407D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 rot="16200000">
            <a:off x="4886050" y="2850204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3" name="OTLSHAPE_M_cf3bcc1be8fb45018ca4993d1beaa228_Title">
            <a:extLst>
              <a:ext uri="{FF2B5EF4-FFF2-40B4-BE49-F238E27FC236}">
                <a16:creationId xmlns:a16="http://schemas.microsoft.com/office/drawing/2014/main" id="{499642F7-4AC2-4469-A397-CF3A47920E1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132465" y="-526853"/>
            <a:ext cx="245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Berlin gets a taste of combined air attacks from the R.A.F and Russia.</a:t>
            </a:r>
          </a:p>
        </p:txBody>
      </p:sp>
      <p:sp>
        <p:nvSpPr>
          <p:cNvPr id="1264" name="OTLSHAPE_M_cf3bcc1be8fb45018ca4993d1beaa228_Date">
            <a:extLst>
              <a:ext uri="{FF2B5EF4-FFF2-40B4-BE49-F238E27FC236}">
                <a16:creationId xmlns:a16="http://schemas.microsoft.com/office/drawing/2014/main" id="{122941E7-2663-4D89-986A-59158C51780F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5132465" y="-17311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5/1941</a:t>
            </a:r>
          </a:p>
        </p:txBody>
      </p:sp>
      <p:sp>
        <p:nvSpPr>
          <p:cNvPr id="1265" name="OTLSHAPE_M_cf3bcc1be8fb45018ca4993d1beaa228_Shape">
            <a:extLst>
              <a:ext uri="{FF2B5EF4-FFF2-40B4-BE49-F238E27FC236}">
                <a16:creationId xmlns:a16="http://schemas.microsoft.com/office/drawing/2014/main" id="{090DC2D3-70DE-42D8-817A-AD369767A62E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 rot="16200000">
            <a:off x="4999115" y="-297872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6" name="OTLSHAPE_M_c73206b9861f4b689bbe180a6f58ca44_Title">
            <a:extLst>
              <a:ext uri="{FF2B5EF4-FFF2-40B4-BE49-F238E27FC236}">
                <a16:creationId xmlns:a16="http://schemas.microsoft.com/office/drawing/2014/main" id="{461981B6-4277-484E-BEF5-38A6E65D0065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386862" y="5198731"/>
            <a:ext cx="2501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azi war machine forced to yield as nature takes a round on the Russian front.</a:t>
            </a:r>
          </a:p>
        </p:txBody>
      </p:sp>
      <p:sp>
        <p:nvSpPr>
          <p:cNvPr id="1267" name="OTLSHAPE_M_c73206b9861f4b689bbe180a6f58ca44_Date">
            <a:extLst>
              <a:ext uri="{FF2B5EF4-FFF2-40B4-BE49-F238E27FC236}">
                <a16:creationId xmlns:a16="http://schemas.microsoft.com/office/drawing/2014/main" id="{4BC6430B-4F96-4920-8008-24130D37C62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5386862" y="555246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1/27/1941</a:t>
            </a:r>
          </a:p>
        </p:txBody>
      </p:sp>
      <p:sp>
        <p:nvSpPr>
          <p:cNvPr id="1268" name="OTLSHAPE_M_c73206b9861f4b689bbe180a6f58ca44_Shape">
            <a:extLst>
              <a:ext uri="{FF2B5EF4-FFF2-40B4-BE49-F238E27FC236}">
                <a16:creationId xmlns:a16="http://schemas.microsoft.com/office/drawing/2014/main" id="{00032CE8-19EC-48ED-A0D7-9A1A51F161B8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 rot="16200000">
            <a:off x="5253512" y="5427712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9" name="OTLSHAPE_M_1c9a6ad1c22b4d348700f34eda6e1c3c_Title">
            <a:extLst>
              <a:ext uri="{FF2B5EF4-FFF2-40B4-BE49-F238E27FC236}">
                <a16:creationId xmlns:a16="http://schemas.microsoft.com/office/drawing/2014/main" id="{D2F179AB-F80E-460C-9E87-771F09575B9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5641258" y="3329545"/>
            <a:ext cx="2425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ports that Hitler had lost faith in his Army Command, rift developing between army leaders and nazi party.</a:t>
            </a:r>
          </a:p>
        </p:txBody>
      </p:sp>
      <p:sp>
        <p:nvSpPr>
          <p:cNvPr id="1270" name="OTLSHAPE_M_1c9a6ad1c22b4d348700f34eda6e1c3c_Date">
            <a:extLst>
              <a:ext uri="{FF2B5EF4-FFF2-40B4-BE49-F238E27FC236}">
                <a16:creationId xmlns:a16="http://schemas.microsoft.com/office/drawing/2014/main" id="{C523BD07-3C1D-4609-B8E2-83B8AE665EC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5641258" y="385380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29/1942</a:t>
            </a:r>
          </a:p>
        </p:txBody>
      </p:sp>
      <p:sp>
        <p:nvSpPr>
          <p:cNvPr id="1271" name="OTLSHAPE_M_1c9a6ad1c22b4d348700f34eda6e1c3c_Shape">
            <a:extLst>
              <a:ext uri="{FF2B5EF4-FFF2-40B4-BE49-F238E27FC236}">
                <a16:creationId xmlns:a16="http://schemas.microsoft.com/office/drawing/2014/main" id="{DD6A2087-901C-434F-ACFF-7F38F76280B9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 rot="16200000">
            <a:off x="5507908" y="3643785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2" name="OTLSHAPE_M_a2ad0b6bb6f04ea8a0902f75c7aea4a9_Title">
            <a:extLst>
              <a:ext uri="{FF2B5EF4-FFF2-40B4-BE49-F238E27FC236}">
                <a16:creationId xmlns:a16="http://schemas.microsoft.com/office/drawing/2014/main" id="{9AC27CCF-BBAA-4A61-9E1E-B33DCC3FD132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6008720" y="5821793"/>
            <a:ext cx="210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azis to conscript greeks for service.</a:t>
            </a:r>
          </a:p>
        </p:txBody>
      </p:sp>
      <p:sp>
        <p:nvSpPr>
          <p:cNvPr id="1273" name="OTLSHAPE_M_a2ad0b6bb6f04ea8a0902f75c7aea4a9_Date">
            <a:extLst>
              <a:ext uri="{FF2B5EF4-FFF2-40B4-BE49-F238E27FC236}">
                <a16:creationId xmlns:a16="http://schemas.microsoft.com/office/drawing/2014/main" id="{222E4728-11EB-4D7C-BD9F-923D5B7D3F7A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6008720" y="60050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30/1942</a:t>
            </a:r>
          </a:p>
        </p:txBody>
      </p:sp>
      <p:sp>
        <p:nvSpPr>
          <p:cNvPr id="1274" name="OTLSHAPE_M_a2ad0b6bb6f04ea8a0902f75c7aea4a9_Shape">
            <a:extLst>
              <a:ext uri="{FF2B5EF4-FFF2-40B4-BE49-F238E27FC236}">
                <a16:creationId xmlns:a16="http://schemas.microsoft.com/office/drawing/2014/main" id="{4CE9EFC9-B7E0-4DFE-8FA7-1BE2F1EF52BF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 rot="16200000">
            <a:off x="5875370" y="5965514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5" name="OTLSHAPE_M_8f6815fbaf984147a9b00592d90043e4_Title">
            <a:extLst>
              <a:ext uri="{FF2B5EF4-FFF2-40B4-BE49-F238E27FC236}">
                <a16:creationId xmlns:a16="http://schemas.microsoft.com/office/drawing/2014/main" id="{0F4D8C99-C8CA-4181-BB80-A2DE200F44ED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6743643" y="96209"/>
            <a:ext cx="2413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ussians still successfully holding despite the German attacks from Kursk</a:t>
            </a:r>
          </a:p>
        </p:txBody>
      </p:sp>
      <p:sp>
        <p:nvSpPr>
          <p:cNvPr id="1276" name="OTLSHAPE_M_8f6815fbaf984147a9b00592d90043e4_Date">
            <a:extLst>
              <a:ext uri="{FF2B5EF4-FFF2-40B4-BE49-F238E27FC236}">
                <a16:creationId xmlns:a16="http://schemas.microsoft.com/office/drawing/2014/main" id="{B40785EB-CF61-47C0-88CD-E09C9BDD8302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6743643" y="44994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0/29/1942</a:t>
            </a:r>
          </a:p>
        </p:txBody>
      </p:sp>
      <p:sp>
        <p:nvSpPr>
          <p:cNvPr id="1277" name="OTLSHAPE_M_8f6815fbaf984147a9b00592d90043e4_Shape">
            <a:extLst>
              <a:ext uri="{FF2B5EF4-FFF2-40B4-BE49-F238E27FC236}">
                <a16:creationId xmlns:a16="http://schemas.microsoft.com/office/drawing/2014/main" id="{02B0844F-7EB7-459E-898D-68D499482ACA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 rot="16200000">
            <a:off x="6610293" y="32519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8" name="OTLSHAPE_M_9bb1a9f2410245bda431a8f8293c64ac_Title">
            <a:extLst>
              <a:ext uri="{FF2B5EF4-FFF2-40B4-BE49-F238E27FC236}">
                <a16:creationId xmlns:a16="http://schemas.microsoft.com/office/drawing/2014/main" id="{B90FCF73-92F4-4239-863C-898FABBA0C2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6998040" y="719271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ussian winter is now at work on the Nazis.</a:t>
            </a:r>
          </a:p>
        </p:txBody>
      </p:sp>
      <p:sp>
        <p:nvSpPr>
          <p:cNvPr id="1279" name="OTLSHAPE_M_9bb1a9f2410245bda431a8f8293c64ac_Date">
            <a:extLst>
              <a:ext uri="{FF2B5EF4-FFF2-40B4-BE49-F238E27FC236}">
                <a16:creationId xmlns:a16="http://schemas.microsoft.com/office/drawing/2014/main" id="{182626B7-4014-4F2C-BB93-D7D80E5F500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6998040" y="90249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31/1942</a:t>
            </a:r>
          </a:p>
        </p:txBody>
      </p:sp>
      <p:sp>
        <p:nvSpPr>
          <p:cNvPr id="1280" name="OTLSHAPE_M_9bb1a9f2410245bda431a8f8293c64ac_Shape">
            <a:extLst>
              <a:ext uri="{FF2B5EF4-FFF2-40B4-BE49-F238E27FC236}">
                <a16:creationId xmlns:a16="http://schemas.microsoft.com/office/drawing/2014/main" id="{F9D54527-AE91-4397-9FFA-9D520BD41B9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 rot="16200000">
            <a:off x="6864690" y="862993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1" name="OTLSHAPE_M_269631104c1047f99a550a5346980f87_Title">
            <a:extLst>
              <a:ext uri="{FF2B5EF4-FFF2-40B4-BE49-F238E27FC236}">
                <a16:creationId xmlns:a16="http://schemas.microsoft.com/office/drawing/2014/main" id="{90308A47-E357-466B-A70F-73694DDF74D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7224170" y="4123125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egean Islands abandoned by Nazis</a:t>
            </a:r>
          </a:p>
        </p:txBody>
      </p:sp>
      <p:sp>
        <p:nvSpPr>
          <p:cNvPr id="1282" name="OTLSHAPE_M_269631104c1047f99a550a5346980f87_Date">
            <a:extLst>
              <a:ext uri="{FF2B5EF4-FFF2-40B4-BE49-F238E27FC236}">
                <a16:creationId xmlns:a16="http://schemas.microsoft.com/office/drawing/2014/main" id="{06B67297-FE77-462C-9C2F-50B0CE4006A7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7224170" y="430634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/25/1943</a:t>
            </a:r>
          </a:p>
        </p:txBody>
      </p:sp>
      <p:sp>
        <p:nvSpPr>
          <p:cNvPr id="1283" name="OTLSHAPE_M_269631104c1047f99a550a5346980f87_Shape">
            <a:extLst>
              <a:ext uri="{FF2B5EF4-FFF2-40B4-BE49-F238E27FC236}">
                <a16:creationId xmlns:a16="http://schemas.microsoft.com/office/drawing/2014/main" id="{B8CB9D47-65F3-4DFE-8DC0-54AB0D8EBB08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 rot="16200000">
            <a:off x="7090820" y="4266847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4" name="OTLSHAPE_M_238f7e1cf319471aa1839c7a7303246f_Title">
            <a:extLst>
              <a:ext uri="{FF2B5EF4-FFF2-40B4-BE49-F238E27FC236}">
                <a16:creationId xmlns:a16="http://schemas.microsoft.com/office/drawing/2014/main" id="{8112E8D0-599D-4FC5-9EB8-49D9CB29F6F3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7337235" y="1171815"/>
            <a:ext cx="23876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 Reports that Nazi Minister of Munitions called a conference of German economic experts to discuss matching the United Nations output of war materials</a:t>
            </a:r>
          </a:p>
        </p:txBody>
      </p:sp>
      <p:sp>
        <p:nvSpPr>
          <p:cNvPr id="1285" name="OTLSHAPE_M_238f7e1cf319471aa1839c7a7303246f_Date">
            <a:extLst>
              <a:ext uri="{FF2B5EF4-FFF2-40B4-BE49-F238E27FC236}">
                <a16:creationId xmlns:a16="http://schemas.microsoft.com/office/drawing/2014/main" id="{BA5E9107-D0E1-445B-9A33-2DFDBDB03EC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7337235" y="18665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25/1943</a:t>
            </a:r>
          </a:p>
        </p:txBody>
      </p:sp>
      <p:sp>
        <p:nvSpPr>
          <p:cNvPr id="1286" name="OTLSHAPE_M_238f7e1cf319471aa1839c7a7303246f_Shape">
            <a:extLst>
              <a:ext uri="{FF2B5EF4-FFF2-40B4-BE49-F238E27FC236}">
                <a16:creationId xmlns:a16="http://schemas.microsoft.com/office/drawing/2014/main" id="{4CD7B6C2-6C02-4A4A-94C1-F49B760C9C73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 rot="16200000">
            <a:off x="7203885" y="1571314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7" name="OTLSHAPE_M_26722740f92a457ab4e5dbff54be508e_Title">
            <a:extLst>
              <a:ext uri="{FF2B5EF4-FFF2-40B4-BE49-F238E27FC236}">
                <a16:creationId xmlns:a16="http://schemas.microsoft.com/office/drawing/2014/main" id="{5AF2505F-5F9D-4BDB-B93E-3B5CAA0D60A2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7478567" y="2135914"/>
            <a:ext cx="240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redictions that the war may not be won until 1944-1945</a:t>
            </a:r>
          </a:p>
        </p:txBody>
      </p:sp>
      <p:sp>
        <p:nvSpPr>
          <p:cNvPr id="1288" name="OTLSHAPE_M_26722740f92a457ab4e5dbff54be508e_Date">
            <a:extLst>
              <a:ext uri="{FF2B5EF4-FFF2-40B4-BE49-F238E27FC236}">
                <a16:creationId xmlns:a16="http://schemas.microsoft.com/office/drawing/2014/main" id="{E0ABBB72-0D32-434D-862A-2FD79F32CA2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478567" y="248965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9/1943</a:t>
            </a:r>
          </a:p>
        </p:txBody>
      </p:sp>
      <p:sp>
        <p:nvSpPr>
          <p:cNvPr id="1289" name="OTLSHAPE_M_26722740f92a457ab4e5dbff54be508e_Shape">
            <a:extLst>
              <a:ext uri="{FF2B5EF4-FFF2-40B4-BE49-F238E27FC236}">
                <a16:creationId xmlns:a16="http://schemas.microsoft.com/office/drawing/2014/main" id="{962627F8-9861-44C8-859A-E1FD33E9F2E0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 rot="16200000">
            <a:off x="7345217" y="2364895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0" name="OTLSHAPE_M_52dc34c1418c43229295c80aff49dd31_Title">
            <a:extLst>
              <a:ext uri="{FF2B5EF4-FFF2-40B4-BE49-F238E27FC236}">
                <a16:creationId xmlns:a16="http://schemas.microsoft.com/office/drawing/2014/main" id="{CB1E3AE9-8EA9-4791-94AC-330D476766B6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7704696" y="4575669"/>
            <a:ext cx="232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Reports of girl gunners in Nazi bombers being told by American soldiers</a:t>
            </a:r>
          </a:p>
        </p:txBody>
      </p:sp>
      <p:sp>
        <p:nvSpPr>
          <p:cNvPr id="1291" name="OTLSHAPE_M_52dc34c1418c43229295c80aff49dd31_Date">
            <a:extLst>
              <a:ext uri="{FF2B5EF4-FFF2-40B4-BE49-F238E27FC236}">
                <a16:creationId xmlns:a16="http://schemas.microsoft.com/office/drawing/2014/main" id="{C8433F1F-095F-4D00-91B6-51358997ABA1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7704696" y="492940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24/1943</a:t>
            </a:r>
          </a:p>
        </p:txBody>
      </p:sp>
      <p:sp>
        <p:nvSpPr>
          <p:cNvPr id="1292" name="OTLSHAPE_M_52dc34c1418c43229295c80aff49dd31_Shape">
            <a:extLst>
              <a:ext uri="{FF2B5EF4-FFF2-40B4-BE49-F238E27FC236}">
                <a16:creationId xmlns:a16="http://schemas.microsoft.com/office/drawing/2014/main" id="{D3179B70-0615-467D-8130-9549ACE65920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 rot="16200000">
            <a:off x="7571346" y="480465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3" name="OTLSHAPE_M_0b1aa2f0f110419db13ea59ee8ad3342_Title">
            <a:extLst>
              <a:ext uri="{FF2B5EF4-FFF2-40B4-BE49-F238E27FC236}">
                <a16:creationId xmlns:a16="http://schemas.microsoft.com/office/drawing/2014/main" id="{0710623E-01CD-4EA5-B722-B6115FE286D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8580951" y="2758976"/>
            <a:ext cx="24765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early 100 Nazi rocket planes and fighters made a pass at an American bomber formation over Bremen.</a:t>
            </a:r>
          </a:p>
        </p:txBody>
      </p:sp>
      <p:sp>
        <p:nvSpPr>
          <p:cNvPr id="1294" name="OTLSHAPE_M_0b1aa2f0f110419db13ea59ee8ad3342_Date">
            <a:extLst>
              <a:ext uri="{FF2B5EF4-FFF2-40B4-BE49-F238E27FC236}">
                <a16:creationId xmlns:a16="http://schemas.microsoft.com/office/drawing/2014/main" id="{B46038FF-14BF-45A7-B03E-2AC29D134F2C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8580951" y="32832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27/1944</a:t>
            </a:r>
          </a:p>
        </p:txBody>
      </p:sp>
      <p:sp>
        <p:nvSpPr>
          <p:cNvPr id="1295" name="OTLSHAPE_M_0b1aa2f0f110419db13ea59ee8ad3342_Shape">
            <a:extLst>
              <a:ext uri="{FF2B5EF4-FFF2-40B4-BE49-F238E27FC236}">
                <a16:creationId xmlns:a16="http://schemas.microsoft.com/office/drawing/2014/main" id="{779AE61F-9732-47AB-A360-956DAC411579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 rot="16200000">
            <a:off x="8447601" y="3073216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6" name="OTLSHAPE_M_8996f9bc3fb5426490d068dc505489bc_Title">
            <a:extLst>
              <a:ext uri="{FF2B5EF4-FFF2-40B4-BE49-F238E27FC236}">
                <a16:creationId xmlns:a16="http://schemas.microsoft.com/office/drawing/2014/main" id="{B43D7005-C07C-4ADB-862E-8BD7EA061211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835348" y="5198731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azi had invasion force in Greenland</a:t>
            </a:r>
          </a:p>
        </p:txBody>
      </p:sp>
      <p:sp>
        <p:nvSpPr>
          <p:cNvPr id="1297" name="OTLSHAPE_M_8996f9bc3fb5426490d068dc505489bc_Date">
            <a:extLst>
              <a:ext uri="{FF2B5EF4-FFF2-40B4-BE49-F238E27FC236}">
                <a16:creationId xmlns:a16="http://schemas.microsoft.com/office/drawing/2014/main" id="{66EFCEF8-09DA-41F5-9110-01BBF79EF094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8835348" y="538194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30/1944</a:t>
            </a:r>
          </a:p>
        </p:txBody>
      </p:sp>
      <p:sp>
        <p:nvSpPr>
          <p:cNvPr id="1298" name="OTLSHAPE_M_8996f9bc3fb5426490d068dc505489bc_Shape">
            <a:extLst>
              <a:ext uri="{FF2B5EF4-FFF2-40B4-BE49-F238E27FC236}">
                <a16:creationId xmlns:a16="http://schemas.microsoft.com/office/drawing/2014/main" id="{9DF706A0-32C6-452D-96BC-5849FAD167A5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 rot="16200000">
            <a:off x="8701998" y="5342452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9" name="OTLSHAPE_M_03124467e3f9494e986e3d78a3025104_Title">
            <a:extLst>
              <a:ext uri="{FF2B5EF4-FFF2-40B4-BE49-F238E27FC236}">
                <a16:creationId xmlns:a16="http://schemas.microsoft.com/office/drawing/2014/main" id="{D4846FEB-5919-4659-BCCA-E6B3D9185E18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948413" y="5651274"/>
            <a:ext cx="217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azi battleship caught by British dive bombers.</a:t>
            </a:r>
          </a:p>
        </p:txBody>
      </p:sp>
      <p:sp>
        <p:nvSpPr>
          <p:cNvPr id="1300" name="OTLSHAPE_M_03124467e3f9494e986e3d78a3025104_Date">
            <a:extLst>
              <a:ext uri="{FF2B5EF4-FFF2-40B4-BE49-F238E27FC236}">
                <a16:creationId xmlns:a16="http://schemas.microsoft.com/office/drawing/2014/main" id="{2263BF46-783A-4897-9B9E-1B946674667C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8948413" y="600501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4/27/1944</a:t>
            </a:r>
          </a:p>
        </p:txBody>
      </p:sp>
      <p:sp>
        <p:nvSpPr>
          <p:cNvPr id="1301" name="OTLSHAPE_M_03124467e3f9494e986e3d78a3025104_Shape">
            <a:extLst>
              <a:ext uri="{FF2B5EF4-FFF2-40B4-BE49-F238E27FC236}">
                <a16:creationId xmlns:a16="http://schemas.microsoft.com/office/drawing/2014/main" id="{5927348E-B02A-4B0F-A02A-EDA85189BFE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 rot="16200000">
            <a:off x="8815063" y="5880255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2" name="OTLSHAPE_M_a93b138de7b84c6b9bd51eb86fd8ea1b_Title">
            <a:extLst>
              <a:ext uri="{FF2B5EF4-FFF2-40B4-BE49-F238E27FC236}">
                <a16:creationId xmlns:a16="http://schemas.microsoft.com/office/drawing/2014/main" id="{7F04FAE9-FEA7-48B9-A695-8555A2C16A44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9457206" y="3552557"/>
            <a:ext cx="246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Nazis are planning Long-Range Conspiracy against the world</a:t>
            </a:r>
          </a:p>
        </p:txBody>
      </p:sp>
      <p:sp>
        <p:nvSpPr>
          <p:cNvPr id="1303" name="OTLSHAPE_M_a93b138de7b84c6b9bd51eb86fd8ea1b_Date">
            <a:extLst>
              <a:ext uri="{FF2B5EF4-FFF2-40B4-BE49-F238E27FC236}">
                <a16:creationId xmlns:a16="http://schemas.microsoft.com/office/drawing/2014/main" id="{DE2A7D7E-A6F2-4947-BC91-14C277313D79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9457206" y="390629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31/1944</a:t>
            </a:r>
          </a:p>
        </p:txBody>
      </p:sp>
      <p:sp>
        <p:nvSpPr>
          <p:cNvPr id="1304" name="OTLSHAPE_M_a93b138de7b84c6b9bd51eb86fd8ea1b_Shape">
            <a:extLst>
              <a:ext uri="{FF2B5EF4-FFF2-40B4-BE49-F238E27FC236}">
                <a16:creationId xmlns:a16="http://schemas.microsoft.com/office/drawing/2014/main" id="{4339C878-6CB9-4475-A284-97F0571E3C5C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 rot="16200000">
            <a:off x="9323856" y="3781538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5" name="OTLSHAPE_M_ebb4c12416484987b5c14af113683d34_Title">
            <a:extLst>
              <a:ext uri="{FF2B5EF4-FFF2-40B4-BE49-F238E27FC236}">
                <a16:creationId xmlns:a16="http://schemas.microsoft.com/office/drawing/2014/main" id="{73010C93-1754-48E4-A104-778BBB2D23D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0927053" y="4175619"/>
            <a:ext cx="101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Nazi atom bomb nearly completed</a:t>
            </a:r>
          </a:p>
        </p:txBody>
      </p:sp>
      <p:sp>
        <p:nvSpPr>
          <p:cNvPr id="1306" name="OTLSHAPE_M_ebb4c12416484987b5c14af113683d34_Date">
            <a:extLst>
              <a:ext uri="{FF2B5EF4-FFF2-40B4-BE49-F238E27FC236}">
                <a16:creationId xmlns:a16="http://schemas.microsoft.com/office/drawing/2014/main" id="{708E1560-34CB-46F9-A4B0-C48B534D392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0927053" y="452935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30/1945</a:t>
            </a:r>
          </a:p>
        </p:txBody>
      </p:sp>
      <p:sp>
        <p:nvSpPr>
          <p:cNvPr id="1307" name="OTLSHAPE_M_ebb4c12416484987b5c14af113683d34_Shape">
            <a:extLst>
              <a:ext uri="{FF2B5EF4-FFF2-40B4-BE49-F238E27FC236}">
                <a16:creationId xmlns:a16="http://schemas.microsoft.com/office/drawing/2014/main" id="{F5E8CD6C-773B-4BE6-B634-26B257844D71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 rot="16200000">
            <a:off x="10793703" y="4404600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8" name="OTLSHAPE_M_0f4d7ff4fb7f4f828bacf7cd2f57a633_Title">
            <a:extLst>
              <a:ext uri="{FF2B5EF4-FFF2-40B4-BE49-F238E27FC236}">
                <a16:creationId xmlns:a16="http://schemas.microsoft.com/office/drawing/2014/main" id="{B8F4416D-5754-4D34-AD3C-948EEA0F0A0F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1407580" y="4798681"/>
            <a:ext cx="711200" cy="11936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parkling new Coventry to rise from rubble of Nazi Destruction</a:t>
            </a:r>
          </a:p>
        </p:txBody>
      </p:sp>
      <p:sp>
        <p:nvSpPr>
          <p:cNvPr id="1309" name="OTLSHAPE_M_0f4d7ff4fb7f4f828bacf7cd2f57a633_Date">
            <a:extLst>
              <a:ext uri="{FF2B5EF4-FFF2-40B4-BE49-F238E27FC236}">
                <a16:creationId xmlns:a16="http://schemas.microsoft.com/office/drawing/2014/main" id="{04CA9D9E-42F1-4E40-9937-3241A6E5BE3C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1407580" y="600501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7/1945</a:t>
            </a:r>
          </a:p>
        </p:txBody>
      </p:sp>
      <p:sp>
        <p:nvSpPr>
          <p:cNvPr id="1310" name="OTLSHAPE_M_0f4d7ff4fb7f4f828bacf7cd2f57a633_Shape">
            <a:extLst>
              <a:ext uri="{FF2B5EF4-FFF2-40B4-BE49-F238E27FC236}">
                <a16:creationId xmlns:a16="http://schemas.microsoft.com/office/drawing/2014/main" id="{E92F11CB-9459-4E70-8F3A-7FCA72827DC3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 rot="16200000">
            <a:off x="11274230" y="5453958"/>
            <a:ext cx="101600" cy="1016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48498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Y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xMTEsIkciOjQ5LCJCIjoxNT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ExMSwiRyI6NDksIkIiOjE1Mn19LCJMaW5lV2VpZ2h0IjoxLjAsIkxpbmVUeXBlIjowLCJQYXJlbnRTdHlsZSI6bnVsbH0sIklzQmVsb3dUaW1lYmFuZCI6ZmFsc2UsIkhpZGVEYXRlIjpmYWxzZSwiU2hhcGVTaXplIjow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guMCwiSGVpZ2h0Ijo4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MiLCJMaW5lQ29sb3IiOm51bGwsIkxpbmVXZWlnaHQiOjAuMCwiTGluZVR5cGUiOjAsIlBhcmVudFN0eWxlIjpudWxsfSwiUGFyZW50U3R5bGUiOnsiJHJlZiI6IjY1In19LCJEYXRlU3R5bGUiOnsiJGlkIjoiMTM0IiwiRm9udFNldHRpbmdzIjp7IiRpZCI6IjEz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QiLCJMaW5lQ29sb3IiOm51bGwsIkxpbmVXZWlnaHQiOjAuMCwiTGluZVR5cGUiOjAsIlBhcmVudFN0eWxlIjpudWxsfSwiUGFyZW50U3R5bGUiOnsiJHJlZiI6IjY1In19LCJEYXRlU3R5bGUiOnsiJGlkIjoiMTQ1IiwiRm9udFNldHRpbmdzIjp7IiRpZCI6IjE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UiLCJMaW5lQ29sb3IiOm51bGwsIkxpbmVXZWlnaHQiOjAuMCwiTGluZVR5cGUiOjAsIlBhcmVudFN0eWxlIjpudWxsfSwiUGFyZW50U3R5bGUiOnsiJHJlZiI6IjY1In19LCJEYXRlU3R5bGUiOnsiJGlkIjoiMTU2IiwiRm9udFNldHRpbmdzIjp7IiRpZCI6IjE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OCIsIkxpbmVDb2xvciI6bnVsbCwiTGluZVdlaWdodCI6MC4wLCJMaW5lVHlwZSI6MCwiUGFyZW50U3R5bGUiOm51bGx9LCJQYXJlbnRTdHlsZSI6eyIkcmVmIjoiNjUifX0sIkRhdGVTdHlsZSI6eyIkaWQiOiIxODkiLCJGb250U2V0dGluZ3MiOnsiJGlkIjoiMTk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AiLCJMaW5lQ29sb3IiOm51bGwsIkxpbmVXZWlnaHQiOjAuMCwiTGluZVR5cGUiOjAsIlBhcmVudFN0eWxlIjpudWxsfSwiUGFyZW50U3R5bGUiOnsiJHJlZiI6IjY1In19LCJEYXRlU3R5bGUiOnsiJGlkIjoiMjExIiwiRm9udFNldHRpbmdzIjp7IiRpZCI6IjI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MyIsIkxpbmVDb2xvciI6bnVsbCwiTGluZVdlaWdodCI6MC4wLCJMaW5lVHlwZSI6MCwiUGFyZW50U3R5bGUiOm51bGx9LCJQYXJlbnRTdHlsZSI6eyIkcmVmIjoiNjUifX0sIkRhdGVTdHlsZSI6eyIkaWQiOiIyNDQiLCJGb250U2V0dGluZ3MiOnsiJGlkIjoiMjQ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0IiwiTGluZUNvbG9yIjpudWxsLCJMaW5lV2VpZ2h0IjowLjAsIkxpbmVUeXBlIjowLCJQYXJlbnRTdHlsZSI6bnVsbH0sIlBhcmVudFN0eWxlIjp7IiRyZWYiOiI2NSJ9fSwiRGF0ZVN0eWxlIjp7IiRpZCI6IjI1NSIsIkZvbnRTZXR0aW5ncyI6eyIkaWQiOiIyN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NSIsIkxpbmVDb2xvciI6bnVsbCwiTGluZVdlaWdodCI6MC4wLCJMaW5lVHlwZSI6MCwiUGFyZW50U3R5bGUiOm51bGx9LCJQYXJlbnRTdHlsZSI6eyIkcmVmIjoiNjUifX0sIkRhdGVTdHlsZSI6eyIkaWQiOiIyNjYiLCJGb250U2V0dGluZ3MiOnsiJGlkIjoiMj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OCIsIkxpbmVDb2xvciI6bnVsbCwiTGluZVdlaWdodCI6MC4wLCJMaW5lVHlwZSI6MCwiUGFyZW50U3R5bGUiOm51bGx9LCJQYXJlbnRTdHlsZSI6eyIkcmVmIjoiNjUifX0sIkRhdGVTdHlsZSI6eyIkaWQiOiIyNzkiLCJGb250U2V0dGluZ3MiOnsiJGlkIjoiMjg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AwIiwiTGluZUNvbG9yIjpudWxsLCJMaW5lV2VpZ2h0IjowLjAsIkxpbmVUeXBlIjowLCJQYXJlbnRTdHlsZSI6bnVsbH0sIlBhcmVudFN0eWxlIjp7IiRyZWYiOiI2NSJ9fSwiRGF0ZVN0eWxlIjp7IiRpZCI6IjMwMSIsIkZvbnRTZXR0aW5ncyI6eyIkaWQiOiIzM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xIiwiTGluZUNvbG9yIjpudWxsLCJMaW5lV2VpZ2h0IjowLjAsIkxpbmVUeXBlIjowLCJQYXJlbnRTdHlsZSI6bnVsbH0sIlBhcmVudFN0eWxlIjp7IiRyZWYiOiI2NSJ9fSwiRGF0ZVN0eWxlIjp7IiRpZCI6IjMxMiIsIkZvbnRTZXR0aW5ncyI6eyIkaWQiOiIzM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jIiLCJMaW5lQ29sb3IiOm51bGwsIkxpbmVXZWlnaHQiOjAuMCwiTGluZVR5cGUiOjAsIlBhcmVudFN0eWxlIjpudWxsfSwiUGFyZW50U3R5bGUiOnsiJHJlZiI6IjY1In19LCJEYXRlU3R5bGUiOnsiJGlkIjoiMzIzIiwiRm9udFNldHRpbmdzIjp7IiRpZCI6IjMy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zMyIsIkxpbmVDb2xvciI6bnVsbCwiTGluZVdlaWdodCI6MC4wLCJMaW5lVHlwZSI6MCwiUGFyZW50U3R5bGUiOm51bGx9LCJQYXJlbnRTdHlsZSI6eyIkcmVmIjoiNjUifX0sIkRhdGVTdHlsZSI6eyIkaWQiOiIzMzQiLCJGb250U2V0dGluZ3MiOnsiJGlkIjoiMzM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DQiLCJMaW5lQ29sb3IiOm51bGwsIkxpbmVXZWlnaHQiOjAuMCwiTGluZVR5cGUiOjAsIlBhcmVudFN0eWxlIjpudWxsfSwiUGFyZW50U3R5bGUiOnsiJHJlZiI6IjY1In19LCJEYXRlU3R5bGUiOnsiJGlkIjoiMzQ1IiwiRm9udFNldHRpbmdzIjp7IiRpZCI6IjM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U1IiwiTGluZUNvbG9yIjpudWxsLCJMaW5lV2VpZ2h0IjowLjAsIkxpbmVUeXBlIjowLCJQYXJlbnRTdHlsZSI6bnVsbH0sIlBhcmVudFN0eWxlIjp7IiRyZWYiOiI2NSJ9fSwiRGF0ZVN0eWxlIjp7IiRpZCI6IjM1NiIsIkZvbnRTZXR0aW5ncyI6eyIkaWQiOiIzN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jYiLCJMaW5lQ29sb3IiOm51bGwsIkxpbmVXZWlnaHQiOjAuMCwiTGluZVR5cGUiOjAsIlBhcmVudFN0eWxlIjpudWxsfSwiUGFyZW50U3R5bGUiOnsiJHJlZiI6IjY1In19LCJEYXRlU3R5bGUiOnsiJGlkIjoiMzY3IiwiRm9udFNldHRpbmdzIjp7IiRpZCI6IjM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zciLCJMaW5lQ29sb3IiOm51bGwsIkxpbmVXZWlnaHQiOjAuMCwiTGluZVR5cGUiOjAsIlBhcmVudFN0eWxlIjpudWxsfSwiUGFyZW50U3R5bGUiOnsiJHJlZiI6IjY1In19LCJEYXRlU3R5bGUiOnsiJGlkIjoiMzc4IiwiRm9udFNldHRpbmdzIjp7IiRpZCI6IjM3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g4IiwiTGluZUNvbG9yIjpudWxsLCJMaW5lV2VpZ2h0IjowLjAsIkxpbmVUeXBlIjowLCJQYXJlbnRTdHlsZSI6bnVsbH0sIlBhcmVudFN0eWxlIjp7IiRyZWYiOiI2NSJ9fSwiRGF0ZVN0eWxlIjp7IiRpZCI6IjM4OSIsIkZvbnRTZXR0aW5ncyI6eyIkaWQiOiIzOT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T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5OSIsIkxpbmVDb2xvciI6bnVsbCwiTGluZVdlaWdodCI6MC4wLCJMaW5lVHlwZSI6MCwiUGFyZW50U3R5bGUiOm51bGx9LCJQYXJlbnRTdHlsZSI6eyIkcmVmIjoiNjUifX0sIkRhdGVTdHlsZSI6eyIkaWQiOiI0MDAiLCJGb250U2V0dGluZ3MiOnsiJGlkIjoiND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xMCIsIkxpbmVDb2xvciI6bnVsbCwiTGluZVdlaWdodCI6MC4wLCJMaW5lVHlwZSI6MCwiUGFyZW50U3R5bGUiOm51bGx9LCJQYXJlbnRTdHlsZSI6eyIkcmVmIjoiNjUifX0sIkRhdGVTdHlsZSI6eyIkaWQiOiI0MTEiLCJGb250U2V0dGluZ3MiOnsiJGlkIjoiND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IxIiwiTGluZUNvbG9yIjpudWxsLCJMaW5lV2VpZ2h0IjowLjAsIkxpbmVUeXBlIjowLCJQYXJlbnRTdHlsZSI6bnVsbH0sIlBhcmVudFN0eWxlIjp7IiRyZWYiOiI2NSJ9fSwiRGF0ZVN0eWxlIjp7IiRpZCI6IjQyMiIsIkZvbnRTZXR0aW5ncyI6eyIkaWQiOiI0Mj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zIiLCJMaW5lQ29sb3IiOm51bGwsIkxpbmVXZWlnaHQiOjAuMCwiTGluZVR5cGUiOjAsIlBhcmVudFN0eWxlIjpudWxsfSwiUGFyZW50U3R5bGUiOnsiJHJlZiI6IjY1In19LCJEYXRlU3R5bGUiOnsiJGlkIjoiNDMzIiwiRm9udFNldHRpbmdzIjp7IiRpZCI6IjQz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BmNGQ3ZmY0LWZiN2YtNGY4Mi04YmFjLWY3Y2QyZjU3YTYzMyIsIkltcG9ydElkIjpudWxsLCJUaXRsZSI6IlNwYXJrbGluZyBuZXcgQ292ZW50cnkgdG8gcmlzZSBmcm9tIHJ1YmJsZSBvZiBOYXppIERlc3RydWN0aW9uIiwiTm90ZSI6bnVsbCwiSHlwZXJsaW5rIjpudWxsLCJJc0NoYW5nZWQiOmZhbHNlLCJJc05ldyI6ZmFsc2V9XSwiVGFza3MiOltdLCJNc1Byb2plY3RJdGVtc1RyZWUiOnsiJGlkIjoiNDM2IiwiUm9vdCI6eyJJbXBvcnRJZCI6bnVsbCwiSXNJbXBvcnRlZCI6ZmFsc2UsIkNoaWxkcmVuIjpbXX19LCJNZXRhZGF0YSI6eyIkaWQiOiI0MzcifSwiU2V0dGluZ3MiOnsiJGlkIjoiNDM4IiwiSW1wYU9wdGlvbnMiOnsiJGlkIjoiNDM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Qw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04</Words>
  <Application>Microsoft Office PowerPoint</Application>
  <PresentationFormat>Widescreen</PresentationFormat>
  <Paragraphs>6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7-08-20T05:34:07Z</dcterms:modified>
</cp:coreProperties>
</file>